
<file path=[Content_Types].xml><?xml version="1.0" encoding="utf-8"?>
<Types xmlns="http://schemas.openxmlformats.org/package/2006/content-types">
  <Default Extension="emf" ContentType="image/x-emf"/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Masters/slideMaster4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theme/theme2.xml" ContentType="application/vnd.openxmlformats-officedocument.theme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theme/theme3.xml" ContentType="application/vnd.openxmlformats-officedocument.theme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theme/theme4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heme/theme5.xml" ContentType="application/vnd.openxmlformats-officedocument.theme+xml"/>
  <Override PartName="/ppt/tags/tag16.xml" ContentType="application/vnd.openxmlformats-officedocument.presentationml.tags+xml"/>
  <Override PartName="/ppt/notesSlides/notesSlide1.xml" ContentType="application/vnd.openxmlformats-officedocument.presentationml.notesSlide+xml"/>
  <Override PartName="/ppt/tags/tag17.xml" ContentType="application/vnd.openxmlformats-officedocument.presentationml.tags+xml"/>
  <Override PartName="/ppt/notesSlides/notesSlide2.xml" ContentType="application/vnd.openxmlformats-officedocument.presentationml.notesSlide+xml"/>
  <Override PartName="/ppt/tags/tag18.xml" ContentType="application/vnd.openxmlformats-officedocument.presentationml.tags+xml"/>
  <Override PartName="/ppt/notesSlides/notesSlide3.xml" ContentType="application/vnd.openxmlformats-officedocument.presentationml.notesSlide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notesSlides/notesSlide4.xml" ContentType="application/vnd.openxmlformats-officedocument.presentationml.notesSlide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tags/tag32.xml" ContentType="application/vnd.openxmlformats-officedocument.presentationml.tags+xml"/>
  <Override PartName="/ppt/tags/tag33.xml" ContentType="application/vnd.openxmlformats-officedocument.presentationml.tags+xml"/>
  <Override PartName="/ppt/tags/tag34.xml" ContentType="application/vnd.openxmlformats-officedocument.presentationml.tags+xml"/>
  <Override PartName="/ppt/tags/tag35.xml" ContentType="application/vnd.openxmlformats-officedocument.presentationml.tags+xml"/>
  <Override PartName="/ppt/tags/tag36.xml" ContentType="application/vnd.openxmlformats-officedocument.presentationml.tags+xml"/>
  <Override PartName="/ppt/tags/tag37.xml" ContentType="application/vnd.openxmlformats-officedocument.presentationml.tags+xml"/>
  <Override PartName="/ppt/tags/tag38.xml" ContentType="application/vnd.openxmlformats-officedocument.presentationml.tags+xml"/>
  <Override PartName="/ppt/tags/tag39.xml" ContentType="application/vnd.openxmlformats-officedocument.presentationml.tags+xml"/>
  <Override PartName="/ppt/tags/tag40.xml" ContentType="application/vnd.openxmlformats-officedocument.presentationml.tags+xml"/>
  <Override PartName="/ppt/notesSlides/notesSlide5.xml" ContentType="application/vnd.openxmlformats-officedocument.presentationml.notesSlide+xml"/>
  <Override PartName="/ppt/tags/tag41.xml" ContentType="application/vnd.openxmlformats-officedocument.presentationml.tags+xml"/>
  <Override PartName="/ppt/notesSlides/notesSlide6.xml" ContentType="application/vnd.openxmlformats-officedocument.presentationml.notesSlide+xml"/>
  <Override PartName="/ppt/tags/tag42.xml" ContentType="application/vnd.openxmlformats-officedocument.presentationml.tags+xml"/>
  <Override PartName="/ppt/tags/tag43.xml" ContentType="application/vnd.openxmlformats-officedocument.presentationml.tags+xml"/>
  <Override PartName="/ppt/tags/tag44.xml" ContentType="application/vnd.openxmlformats-officedocument.presentationml.tags+xml"/>
  <Override PartName="/ppt/tags/tag45.xml" ContentType="application/vnd.openxmlformats-officedocument.presentationml.tags+xml"/>
  <Override PartName="/ppt/tags/tag46.xml" ContentType="application/vnd.openxmlformats-officedocument.presentationml.tags+xml"/>
  <Override PartName="/ppt/tags/tag47.xml" ContentType="application/vnd.openxmlformats-officedocument.presentationml.tags+xml"/>
  <Override PartName="/ppt/tags/tag48.xml" ContentType="application/vnd.openxmlformats-officedocument.presentationml.tags+xml"/>
  <Override PartName="/ppt/tags/tag49.xml" ContentType="application/vnd.openxmlformats-officedocument.presentationml.tags+xml"/>
  <Override PartName="/ppt/tags/tag50.xml" ContentType="application/vnd.openxmlformats-officedocument.presentationml.tags+xml"/>
  <Override PartName="/ppt/tags/tag51.xml" ContentType="application/vnd.openxmlformats-officedocument.presentationml.tags+xml"/>
  <Override PartName="/ppt/tags/tag52.xml" ContentType="application/vnd.openxmlformats-officedocument.presentationml.tags+xml"/>
  <Override PartName="/ppt/notesSlides/notesSlide7.xml" ContentType="application/vnd.openxmlformats-officedocument.presentationml.notesSlide+xml"/>
  <Override PartName="/ppt/tags/tag53.xml" ContentType="application/vnd.openxmlformats-officedocument.presentationml.tags+xml"/>
  <Override PartName="/ppt/notesSlides/notesSlide8.xml" ContentType="application/vnd.openxmlformats-officedocument.presentationml.notesSlide+xml"/>
  <Override PartName="/ppt/tags/tag54.xml" ContentType="application/vnd.openxmlformats-officedocument.presentationml.tags+xml"/>
  <Override PartName="/ppt/notesSlides/notesSlide9.xml" ContentType="application/vnd.openxmlformats-officedocument.presentationml.notesSlide+xml"/>
  <Override PartName="/ppt/tags/tag55.xml" ContentType="application/vnd.openxmlformats-officedocument.presentationml.tags+xml"/>
  <Override PartName="/ppt/notesSlides/notesSlide10.xml" ContentType="application/vnd.openxmlformats-officedocument.presentationml.notesSlide+xml"/>
  <Override PartName="/ppt/tags/tag56.xml" ContentType="application/vnd.openxmlformats-officedocument.presentationml.tags+xml"/>
  <Override PartName="/ppt/notesSlides/notesSlide1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0" r:id="rId2"/>
    <p:sldMasterId id="2147483675" r:id="rId3"/>
    <p:sldMasterId id="2147483695" r:id="rId4"/>
  </p:sldMasterIdLst>
  <p:notesMasterIdLst>
    <p:notesMasterId r:id="rId16"/>
  </p:notesMasterIdLst>
  <p:sldIdLst>
    <p:sldId id="256" r:id="rId5"/>
    <p:sldId id="271" r:id="rId6"/>
    <p:sldId id="257" r:id="rId7"/>
    <p:sldId id="260" r:id="rId8"/>
    <p:sldId id="265" r:id="rId9"/>
    <p:sldId id="266" r:id="rId10"/>
    <p:sldId id="262" r:id="rId11"/>
    <p:sldId id="270" r:id="rId12"/>
    <p:sldId id="267" r:id="rId13"/>
    <p:sldId id="269" r:id="rId14"/>
    <p:sldId id="391" r:id="rId15"/>
  </p:sldIdLst>
  <p:sldSz cx="12192000" cy="6858000"/>
  <p:notesSz cx="6858000" cy="9144000"/>
  <p:custDataLst>
    <p:tags r:id="rId17"/>
  </p:custDataLst>
  <p:defaultTextStyle>
    <a:defPPr>
      <a:defRPr lang="tr-T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CC99"/>
    <a:srgbClr val="009999"/>
    <a:srgbClr val="008080"/>
    <a:srgbClr val="FECB43"/>
    <a:srgbClr val="00B05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 showGuides="1">
      <p:cViewPr varScale="1">
        <p:scale>
          <a:sx n="54" d="100"/>
          <a:sy n="54" d="100"/>
        </p:scale>
        <p:origin x="1124" y="52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presProps" Target="presProps.xml"/><Relationship Id="rId3" Type="http://schemas.openxmlformats.org/officeDocument/2006/relationships/slideMaster" Target="slideMasters/slideMaster3.xml"/><Relationship Id="rId21" Type="http://schemas.openxmlformats.org/officeDocument/2006/relationships/tableStyles" Target="tableStyles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tags" Target="tags/tag1.xml"/><Relationship Id="rId2" Type="http://schemas.openxmlformats.org/officeDocument/2006/relationships/slideMaster" Target="slideMasters/slideMaster2.xml"/><Relationship Id="rId16" Type="http://schemas.openxmlformats.org/officeDocument/2006/relationships/notesMaster" Target="notesMasters/notesMaster1.xml"/><Relationship Id="rId20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10" Type="http://schemas.openxmlformats.org/officeDocument/2006/relationships/slide" Target="slides/slide6.xml"/><Relationship Id="rId19" Type="http://schemas.openxmlformats.org/officeDocument/2006/relationships/viewProps" Target="viewProps.xml"/><Relationship Id="rId4" Type="http://schemas.openxmlformats.org/officeDocument/2006/relationships/slideMaster" Target="slideMasters/slideMaster4.xml"/><Relationship Id="rId9" Type="http://schemas.openxmlformats.org/officeDocument/2006/relationships/slide" Target="slides/slide5.xml"/><Relationship Id="rId14" Type="http://schemas.openxmlformats.org/officeDocument/2006/relationships/slide" Target="slides/slide10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Üstbilgi Yer Tutucusu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3" name="Veri Yer Tutucusu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3EA2DAA-9544-42FE-96CB-6C35DD4A059E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4" name="Slayt Görüntüsü Yer Tutucusu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tr-TR"/>
          </a:p>
        </p:txBody>
      </p:sp>
      <p:sp>
        <p:nvSpPr>
          <p:cNvPr id="5" name="Not Yer Tutucusu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04AAE31-DDC5-4E58-97F8-8B155170E85D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78467704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4AAE31-DDC5-4E58-97F8-8B155170E85D}" type="slidenum">
              <a:rPr lang="tr-TR" smtClean="0"/>
              <a:t>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67700227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4AAE31-DDC5-4E58-97F8-8B155170E85D}" type="slidenum">
              <a:rPr lang="tr-TR" smtClean="0"/>
              <a:t>10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37928118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7621696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4AAE31-DDC5-4E58-97F8-8B155170E85D}" type="slidenum">
              <a:rPr lang="tr-TR" smtClean="0"/>
              <a:t>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8328764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4AAE31-DDC5-4E58-97F8-8B155170E85D}" type="slidenum">
              <a:rPr lang="tr-TR" smtClean="0"/>
              <a:t>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98326219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4AAE31-DDC5-4E58-97F8-8B155170E85D}" type="slidenum">
              <a:rPr lang="tr-TR" smtClean="0"/>
              <a:t>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6841638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4AAE31-DDC5-4E58-97F8-8B155170E85D}" type="slidenum">
              <a:rPr lang="tr-TR" smtClean="0"/>
              <a:t>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61169837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4AAE31-DDC5-4E58-97F8-8B155170E85D}" type="slidenum">
              <a:rPr lang="tr-TR" smtClean="0"/>
              <a:t>6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85466308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4AAE31-DDC5-4E58-97F8-8B155170E85D}" type="slidenum">
              <a:rPr lang="tr-TR" smtClean="0"/>
              <a:t>7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34835884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4AAE31-DDC5-4E58-97F8-8B155170E85D}" type="slidenum">
              <a:rPr lang="tr-TR" smtClean="0"/>
              <a:t>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48027191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4AAE31-DDC5-4E58-97F8-8B155170E85D}" type="slidenum">
              <a:rPr lang="tr-TR" smtClean="0"/>
              <a:t>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51113452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2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3" Type="http://schemas.openxmlformats.org/officeDocument/2006/relationships/hyperlink" Target="http://bit.ly/2TyoMsr" TargetMode="External"/><Relationship Id="rId2" Type="http://schemas.openxmlformats.org/officeDocument/2006/relationships/hyperlink" Target="http://bit.ly/2Tynxth" TargetMode="External"/><Relationship Id="rId1" Type="http://schemas.openxmlformats.org/officeDocument/2006/relationships/slideMaster" Target="../slideMasters/slideMaster3.xml"/><Relationship Id="rId4" Type="http://schemas.openxmlformats.org/officeDocument/2006/relationships/hyperlink" Target="http://bit.ly/2TtBDfr" TargetMode="Externa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3.xml"/></Relationships>
</file>

<file path=ppt/slideLayouts/_rels/slideLayout4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4.xml"/></Relationships>
</file>

<file path=ppt/slideLayouts/_rels/slideLayout4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5.xml"/></Relationships>
</file>

<file path=ppt/slideLayouts/_rels/slideLayout4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6.xml"/></Relationships>
</file>

<file path=ppt/slideLayouts/_rels/slideLayout4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7.xml"/></Relationships>
</file>

<file path=ppt/slideLayouts/_rels/slideLayout4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8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9.xml"/></Relationships>
</file>

<file path=ppt/slideLayouts/_rels/slideLayout5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0.xml"/></Relationships>
</file>

<file path=ppt/slideLayouts/_rels/slideLayout5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1.xml"/></Relationships>
</file>

<file path=ppt/slideLayouts/_rels/slideLayout5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2.xml"/></Relationships>
</file>

<file path=ppt/slideLayouts/_rels/slideLayout5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3.xml"/></Relationships>
</file>

<file path=ppt/slideLayouts/_rels/slideLayout5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4.xml"/></Relationships>
</file>

<file path=ppt/slideLayouts/_rels/slideLayout5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5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99622835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21925463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864163483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genda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798601941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 userDrawn="1"/>
        </p:nvGrpSpPr>
        <p:grpSpPr>
          <a:xfrm>
            <a:off x="3791744" y="502830"/>
            <a:ext cx="4608512" cy="4620329"/>
            <a:chOff x="1115616" y="1275607"/>
            <a:chExt cx="2585656" cy="2592286"/>
          </a:xfrm>
        </p:grpSpPr>
        <p:pic>
          <p:nvPicPr>
            <p:cNvPr id="5" name="Picture 2" descr="E:\002-KIMS BUSINESS\007-02-Googleslidesppt\02-GSppt-Contents-Kim\20170215\03-abs\item01-png.png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115616" y="1275607"/>
              <a:ext cx="2585656" cy="259228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6" name="Oval 5"/>
            <p:cNvSpPr/>
            <p:nvPr userDrawn="1"/>
          </p:nvSpPr>
          <p:spPr>
            <a:xfrm>
              <a:off x="1796376" y="1959682"/>
              <a:ext cx="1224136" cy="1224136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  <a:effectLst>
              <a:innerShdw blurRad="63500" dist="38100" dir="18900000">
                <a:prstClr val="black">
                  <a:alpha val="29000"/>
                </a:prstClr>
              </a:inn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</p:grp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3772131" y="5106393"/>
            <a:ext cx="4608512" cy="768084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1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Welcome!!</a:t>
            </a: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3771933" y="5925277"/>
            <a:ext cx="4608512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307909497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394725146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021677250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1151424" y="2133096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6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3789508" y="2129832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6446311" y="2129832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8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9102681" y="2133096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2" name="Block Arc 1"/>
          <p:cNvSpPr/>
          <p:nvPr userDrawn="1"/>
        </p:nvSpPr>
        <p:spPr>
          <a:xfrm>
            <a:off x="911424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2" name="Block Arc 11"/>
          <p:cNvSpPr/>
          <p:nvPr userDrawn="1"/>
        </p:nvSpPr>
        <p:spPr>
          <a:xfrm>
            <a:off x="3561843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3" name="Block Arc 12"/>
          <p:cNvSpPr/>
          <p:nvPr userDrawn="1"/>
        </p:nvSpPr>
        <p:spPr>
          <a:xfrm>
            <a:off x="6212261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4" name="Block Arc 13"/>
          <p:cNvSpPr/>
          <p:nvPr userDrawn="1"/>
        </p:nvSpPr>
        <p:spPr>
          <a:xfrm>
            <a:off x="8862681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7" name="Text Placeholder 9">
            <a:extLst>
              <a:ext uri="{FF2B5EF4-FFF2-40B4-BE49-F238E27FC236}">
                <a16:creationId xmlns:a16="http://schemas.microsoft.com/office/drawing/2014/main" id="{EDBECCA6-8618-46C3-A8D4-3B6399CCEF88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8" name="Text Placeholder 9">
            <a:extLst>
              <a:ext uri="{FF2B5EF4-FFF2-40B4-BE49-F238E27FC236}">
                <a16:creationId xmlns:a16="http://schemas.microsoft.com/office/drawing/2014/main" id="{1D40A599-6D66-4DC9-82BB-52C171B56BB6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4188867567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con sets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CON SETS LAYOUT</a:t>
            </a:r>
          </a:p>
        </p:txBody>
      </p:sp>
      <p:grpSp>
        <p:nvGrpSpPr>
          <p:cNvPr id="5" name="Group 4"/>
          <p:cNvGrpSpPr/>
          <p:nvPr userDrawn="1"/>
        </p:nvGrpSpPr>
        <p:grpSpPr>
          <a:xfrm>
            <a:off x="472011" y="1508786"/>
            <a:ext cx="3799787" cy="4865561"/>
            <a:chOff x="354008" y="1131589"/>
            <a:chExt cx="2849840" cy="3649171"/>
          </a:xfrm>
        </p:grpSpPr>
        <p:sp>
          <p:nvSpPr>
            <p:cNvPr id="6" name="Rounded Rectangle 5"/>
            <p:cNvSpPr/>
            <p:nvPr/>
          </p:nvSpPr>
          <p:spPr>
            <a:xfrm>
              <a:off x="354008" y="1131589"/>
              <a:ext cx="2849840" cy="3649171"/>
            </a:xfrm>
            <a:prstGeom prst="roundRect">
              <a:avLst>
                <a:gd name="adj" fmla="val 3968"/>
              </a:avLst>
            </a:prstGeom>
            <a:solidFill>
              <a:schemeClr val="accent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  <p:sp>
          <p:nvSpPr>
            <p:cNvPr id="9" name="Rounded Rectangle 8"/>
            <p:cNvSpPr/>
            <p:nvPr/>
          </p:nvSpPr>
          <p:spPr>
            <a:xfrm>
              <a:off x="531932" y="1347500"/>
              <a:ext cx="108520" cy="3240473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41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  <p:sp>
          <p:nvSpPr>
            <p:cNvPr id="12" name="Half Frame 11"/>
            <p:cNvSpPr/>
            <p:nvPr/>
          </p:nvSpPr>
          <p:spPr>
            <a:xfrm rot="5400000">
              <a:off x="2592642" y="1238201"/>
              <a:ext cx="502331" cy="502331"/>
            </a:xfrm>
            <a:prstGeom prst="halfFrame">
              <a:avLst>
                <a:gd name="adj1" fmla="val 23728"/>
                <a:gd name="adj2" fmla="val 24642"/>
              </a:avLst>
            </a:prstGeom>
            <a:solidFill>
              <a:schemeClr val="bg1">
                <a:alpha val="23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4040476860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3695733" y="1873019"/>
            <a:ext cx="8496267" cy="4032448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5" name="Text Placeholder 9">
            <a:extLst>
              <a:ext uri="{FF2B5EF4-FFF2-40B4-BE49-F238E27FC236}">
                <a16:creationId xmlns:a16="http://schemas.microsoft.com/office/drawing/2014/main" id="{A6C3AF05-0B8F-485E-983F-1B40340199EC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6" name="Text Placeholder 9">
            <a:extLst>
              <a:ext uri="{FF2B5EF4-FFF2-40B4-BE49-F238E27FC236}">
                <a16:creationId xmlns:a16="http://schemas.microsoft.com/office/drawing/2014/main" id="{D183D1CC-DF98-45E3-B7CE-601603E40D08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391681398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0" y="0"/>
            <a:ext cx="4079776" cy="29280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6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8112000" y="3930000"/>
            <a:ext cx="4080000" cy="29280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46576176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249178646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4704523" y="0"/>
            <a:ext cx="2831637" cy="4293096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9360363" y="2564904"/>
            <a:ext cx="2831637" cy="4293096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4027619960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7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957145" y="1700808"/>
            <a:ext cx="3264727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3" name="Picture Placeholder 2"/>
          <p:cNvSpPr>
            <a:spLocks noGrp="1"/>
          </p:cNvSpPr>
          <p:nvPr>
            <p:ph type="pic" idx="11" hasCustomPrompt="1"/>
          </p:nvPr>
        </p:nvSpPr>
        <p:spPr>
          <a:xfrm>
            <a:off x="4452723" y="1700808"/>
            <a:ext cx="3264364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4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7947939" y="1700808"/>
            <a:ext cx="3264364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7" name="Text Placeholder 9">
            <a:extLst>
              <a:ext uri="{FF2B5EF4-FFF2-40B4-BE49-F238E27FC236}">
                <a16:creationId xmlns:a16="http://schemas.microsoft.com/office/drawing/2014/main" id="{DDA4CE02-F7F3-4BCD-B8DB-4DFD03965EC0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8" name="Text Placeholder 9">
            <a:extLst>
              <a:ext uri="{FF2B5EF4-FFF2-40B4-BE49-F238E27FC236}">
                <a16:creationId xmlns:a16="http://schemas.microsoft.com/office/drawing/2014/main" id="{39A54B34-6F96-4E3E-B72E-E680E3CE2717}"/>
              </a:ext>
            </a:extLst>
          </p:cNvPr>
          <p:cNvSpPr>
            <a:spLocks noGrp="1"/>
          </p:cNvSpPr>
          <p:nvPr>
            <p:ph type="body" sz="quarter" idx="14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470100889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8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3" descr="D:\Fullppt\005-PNG이미지\모니터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76382" y="1700809"/>
            <a:ext cx="3898337" cy="33581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3" descr="D:\Fullppt\005-PNG이미지\모니터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96862" y="1700809"/>
            <a:ext cx="3898337" cy="33581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2110208" y="1832542"/>
            <a:ext cx="3600000" cy="211311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5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6427952" y="1832542"/>
            <a:ext cx="3648000" cy="211311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8" name="Text Placeholder 9">
            <a:extLst>
              <a:ext uri="{FF2B5EF4-FFF2-40B4-BE49-F238E27FC236}">
                <a16:creationId xmlns:a16="http://schemas.microsoft.com/office/drawing/2014/main" id="{2F3CBFE9-6225-4EAB-9415-3558F6BE9A6F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9" name="Text Placeholder 9">
            <a:extLst>
              <a:ext uri="{FF2B5EF4-FFF2-40B4-BE49-F238E27FC236}">
                <a16:creationId xmlns:a16="http://schemas.microsoft.com/office/drawing/2014/main" id="{9E9189EF-3C10-45A2-8749-4187192ACEC2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2316598819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9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onut 3"/>
          <p:cNvSpPr/>
          <p:nvPr userDrawn="1"/>
        </p:nvSpPr>
        <p:spPr>
          <a:xfrm>
            <a:off x="3796148" y="1572993"/>
            <a:ext cx="4535419" cy="4535419"/>
          </a:xfrm>
          <a:prstGeom prst="donut">
            <a:avLst>
              <a:gd name="adj" fmla="val 1353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pic>
        <p:nvPicPr>
          <p:cNvPr id="5" name="Picture 2" descr="D:\Fullppt\PNG이미지\핸드폰2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46967" y="1438674"/>
            <a:ext cx="4497771" cy="54467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4755105" y="1622871"/>
            <a:ext cx="2593953" cy="400686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9" name="Text Placeholder 9">
            <a:extLst>
              <a:ext uri="{FF2B5EF4-FFF2-40B4-BE49-F238E27FC236}">
                <a16:creationId xmlns:a16="http://schemas.microsoft.com/office/drawing/2014/main" id="{9B4F25E9-AA8C-4BD3-BF1F-56D20DF8DD5E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0" name="Text Placeholder 9">
            <a:extLst>
              <a:ext uri="{FF2B5EF4-FFF2-40B4-BE49-F238E27FC236}">
                <a16:creationId xmlns:a16="http://schemas.microsoft.com/office/drawing/2014/main" id="{840BDE80-4E1C-47DE-8168-381888FDC3F5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2288086374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6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728952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3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728504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4" name="Rectangle 3"/>
          <p:cNvSpPr/>
          <p:nvPr userDrawn="1"/>
        </p:nvSpPr>
        <p:spPr>
          <a:xfrm>
            <a:off x="728504" y="2956276"/>
            <a:ext cx="2592000" cy="707936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5" name="Rectangle 4"/>
          <p:cNvSpPr/>
          <p:nvPr userDrawn="1"/>
        </p:nvSpPr>
        <p:spPr>
          <a:xfrm>
            <a:off x="728056" y="5447872"/>
            <a:ext cx="2592000" cy="70793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6" name="Picture Placeholder 2"/>
          <p:cNvSpPr>
            <a:spLocks noGrp="1"/>
          </p:cNvSpPr>
          <p:nvPr>
            <p:ph type="pic" idx="11" hasCustomPrompt="1"/>
          </p:nvPr>
        </p:nvSpPr>
        <p:spPr>
          <a:xfrm>
            <a:off x="3444409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3443961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8" name="Rectangle 7"/>
          <p:cNvSpPr/>
          <p:nvPr userDrawn="1"/>
        </p:nvSpPr>
        <p:spPr>
          <a:xfrm>
            <a:off x="3443961" y="2956276"/>
            <a:ext cx="2592000" cy="707936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9" name="Rectangle 8"/>
          <p:cNvSpPr/>
          <p:nvPr userDrawn="1"/>
        </p:nvSpPr>
        <p:spPr>
          <a:xfrm>
            <a:off x="3443513" y="5447872"/>
            <a:ext cx="2592000" cy="707936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0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6159867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1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6159419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2" name="Rectangle 11"/>
          <p:cNvSpPr/>
          <p:nvPr userDrawn="1"/>
        </p:nvSpPr>
        <p:spPr>
          <a:xfrm>
            <a:off x="6159419" y="2956276"/>
            <a:ext cx="2592000" cy="707936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3" name="Rectangle 12"/>
          <p:cNvSpPr/>
          <p:nvPr userDrawn="1"/>
        </p:nvSpPr>
        <p:spPr>
          <a:xfrm>
            <a:off x="6158971" y="5447872"/>
            <a:ext cx="2592000" cy="707936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4" name="Picture Placeholder 2"/>
          <p:cNvSpPr>
            <a:spLocks noGrp="1"/>
          </p:cNvSpPr>
          <p:nvPr>
            <p:ph type="pic" idx="15" hasCustomPrompt="1"/>
          </p:nvPr>
        </p:nvSpPr>
        <p:spPr>
          <a:xfrm>
            <a:off x="8875325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5" name="Picture Placeholder 2"/>
          <p:cNvSpPr>
            <a:spLocks noGrp="1"/>
          </p:cNvSpPr>
          <p:nvPr>
            <p:ph type="pic" idx="16" hasCustomPrompt="1"/>
          </p:nvPr>
        </p:nvSpPr>
        <p:spPr>
          <a:xfrm>
            <a:off x="8874877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6" name="Rectangle 15"/>
          <p:cNvSpPr/>
          <p:nvPr userDrawn="1"/>
        </p:nvSpPr>
        <p:spPr>
          <a:xfrm>
            <a:off x="8874877" y="2956276"/>
            <a:ext cx="2592000" cy="70793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7" name="Rectangle 16"/>
          <p:cNvSpPr/>
          <p:nvPr userDrawn="1"/>
        </p:nvSpPr>
        <p:spPr>
          <a:xfrm>
            <a:off x="8874429" y="5447872"/>
            <a:ext cx="2592000" cy="707936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28986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OPEN TITLE" type="title">
  <p:cSld name="OPEN TITLE">
    <p:spTree>
      <p:nvGrpSpPr>
        <p:cNvPr id="1" name="Shape 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Google Shape;9;p2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0" name="Google Shape;10;p2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" name="Google Shape;11;p2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" name="Google Shape;12;p2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3" name="Google Shape;13;p2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" name="Google Shape;14;p2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5" name="Google Shape;15;p2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" name="Google Shape;16;p2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" name="Google Shape;17;p2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" name="Google Shape;18;p2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" name="Google Shape;19;p2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" name="Google Shape;20;p2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" name="Google Shape;21;p2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2" name="Google Shape;22;p2"/>
          <p:cNvSpPr txBox="1">
            <a:spLocks noGrp="1"/>
          </p:cNvSpPr>
          <p:nvPr>
            <p:ph type="ctrTitle"/>
          </p:nvPr>
        </p:nvSpPr>
        <p:spPr>
          <a:xfrm>
            <a:off x="415600" y="1930400"/>
            <a:ext cx="11360800" cy="19420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3600"/>
              <a:buFont typeface="Permanent Marker"/>
              <a:buNone/>
              <a:defRPr sz="48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3" name="Google Shape;23;p2"/>
          <p:cNvSpPr txBox="1">
            <a:spLocks noGrp="1"/>
          </p:cNvSpPr>
          <p:nvPr>
            <p:ph type="subTitle" idx="1"/>
          </p:nvPr>
        </p:nvSpPr>
        <p:spPr>
          <a:xfrm>
            <a:off x="415600" y="3849867"/>
            <a:ext cx="113608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914872551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BULLET POINTS">
  <p:cSld name="TITLE + BULLET POINTS">
    <p:spTree>
      <p:nvGrpSpPr>
        <p:cNvPr id="1" name="Shape 2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oogle Shape;25;p3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6" name="Google Shape;26;p3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" name="Google Shape;27;p3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" name="Google Shape;28;p3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" name="Google Shape;29;p3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" name="Google Shape;30;p3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" name="Google Shape;31;p3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2" name="Google Shape;32;p3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3" name="Google Shape;33;p3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4" name="Google Shape;34;p3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5" name="Google Shape;35;p3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6" name="Google Shape;36;p3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7" name="Google Shape;37;p3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38" name="Google Shape;38;p3"/>
          <p:cNvSpPr txBox="1">
            <a:spLocks noGrp="1"/>
          </p:cNvSpPr>
          <p:nvPr>
            <p:ph type="ctrTitle"/>
          </p:nvPr>
        </p:nvSpPr>
        <p:spPr>
          <a:xfrm>
            <a:off x="1252700" y="689133"/>
            <a:ext cx="9720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39" name="Google Shape;39;p3"/>
          <p:cNvSpPr txBox="1">
            <a:spLocks noGrp="1"/>
          </p:cNvSpPr>
          <p:nvPr>
            <p:ph type="body" idx="1"/>
          </p:nvPr>
        </p:nvSpPr>
        <p:spPr>
          <a:xfrm>
            <a:off x="1252700" y="1968500"/>
            <a:ext cx="8085200" cy="406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389457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000"/>
              <a:buFont typeface="Comfortaa"/>
              <a:buChar char="●"/>
              <a:defRPr sz="1333">
                <a:latin typeface="Comfortaa"/>
                <a:ea typeface="Comfortaa"/>
                <a:cs typeface="Comfortaa"/>
                <a:sym typeface="Comfortaa"/>
              </a:defRPr>
            </a:lvl1pPr>
            <a:lvl2pPr marL="1219170" lvl="1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○"/>
              <a:defRPr sz="1333">
                <a:latin typeface="Comfortaa"/>
                <a:ea typeface="Comfortaa"/>
                <a:cs typeface="Comfortaa"/>
                <a:sym typeface="Comfortaa"/>
              </a:defRPr>
            </a:lvl2pPr>
            <a:lvl3pPr marL="1828754" lvl="2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■"/>
              <a:defRPr sz="1333">
                <a:latin typeface="Comfortaa"/>
                <a:ea typeface="Comfortaa"/>
                <a:cs typeface="Comfortaa"/>
                <a:sym typeface="Comfortaa"/>
              </a:defRPr>
            </a:lvl3pPr>
            <a:lvl4pPr marL="2438339" lvl="3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●"/>
              <a:defRPr sz="1333">
                <a:latin typeface="Comfortaa"/>
                <a:ea typeface="Comfortaa"/>
                <a:cs typeface="Comfortaa"/>
                <a:sym typeface="Comfortaa"/>
              </a:defRPr>
            </a:lvl4pPr>
            <a:lvl5pPr marL="3047924" lvl="4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○"/>
              <a:defRPr sz="1333">
                <a:latin typeface="Comfortaa"/>
                <a:ea typeface="Comfortaa"/>
                <a:cs typeface="Comfortaa"/>
                <a:sym typeface="Comfortaa"/>
              </a:defRPr>
            </a:lvl5pPr>
            <a:lvl6pPr marL="3657509" lvl="5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■"/>
              <a:defRPr sz="1333">
                <a:latin typeface="Comfortaa"/>
                <a:ea typeface="Comfortaa"/>
                <a:cs typeface="Comfortaa"/>
                <a:sym typeface="Comfortaa"/>
              </a:defRPr>
            </a:lvl6pPr>
            <a:lvl7pPr marL="4267093" lvl="6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●"/>
              <a:defRPr sz="1333">
                <a:latin typeface="Comfortaa"/>
                <a:ea typeface="Comfortaa"/>
                <a:cs typeface="Comfortaa"/>
                <a:sym typeface="Comfortaa"/>
              </a:defRPr>
            </a:lvl7pPr>
            <a:lvl8pPr marL="4876678" lvl="7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○"/>
              <a:defRPr sz="1333">
                <a:latin typeface="Comfortaa"/>
                <a:ea typeface="Comfortaa"/>
                <a:cs typeface="Comfortaa"/>
                <a:sym typeface="Comfortaa"/>
              </a:defRPr>
            </a:lvl8pPr>
            <a:lvl9pPr marL="5486263" lvl="8" indent="-389457" rtl="0">
              <a:lnSpc>
                <a:spcPct val="115000"/>
              </a:lnSpc>
              <a:spcBef>
                <a:spcPts val="2133"/>
              </a:spcBef>
              <a:spcAft>
                <a:spcPts val="2133"/>
              </a:spcAft>
              <a:buSzPts val="1000"/>
              <a:buFont typeface="Comfortaa"/>
              <a:buChar char="■"/>
              <a:defRPr sz="1333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517871129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ABLE OF CONTENTS">
  <p:cSld name="TABLE OF CONTENTS">
    <p:spTree>
      <p:nvGrpSpPr>
        <p:cNvPr id="1" name="Shape 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1" name="Google Shape;41;p4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42" name="Google Shape;42;p4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3" name="Google Shape;43;p4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4" name="Google Shape;44;p4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5" name="Google Shape;45;p4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6" name="Google Shape;46;p4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7" name="Google Shape;47;p4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8" name="Google Shape;48;p4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9" name="Google Shape;49;p4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0" name="Google Shape;50;p4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1" name="Google Shape;51;p4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2" name="Google Shape;52;p4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3" name="Google Shape;53;p4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54" name="Google Shape;54;p4"/>
          <p:cNvSpPr txBox="1">
            <a:spLocks noGrp="1"/>
          </p:cNvSpPr>
          <p:nvPr>
            <p:ph type="title" hasCustomPrompt="1"/>
          </p:nvPr>
        </p:nvSpPr>
        <p:spPr>
          <a:xfrm>
            <a:off x="1895117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5" name="Google Shape;55;p4"/>
          <p:cNvSpPr txBox="1">
            <a:spLocks noGrp="1"/>
          </p:cNvSpPr>
          <p:nvPr>
            <p:ph type="title" idx="2" hasCustomPrompt="1"/>
          </p:nvPr>
        </p:nvSpPr>
        <p:spPr>
          <a:xfrm>
            <a:off x="4280505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6" name="Google Shape;56;p4"/>
          <p:cNvSpPr txBox="1">
            <a:spLocks noGrp="1"/>
          </p:cNvSpPr>
          <p:nvPr>
            <p:ph type="title" idx="3" hasCustomPrompt="1"/>
          </p:nvPr>
        </p:nvSpPr>
        <p:spPr>
          <a:xfrm>
            <a:off x="6665895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7" name="Google Shape;57;p4"/>
          <p:cNvSpPr txBox="1">
            <a:spLocks noGrp="1"/>
          </p:cNvSpPr>
          <p:nvPr>
            <p:ph type="title" idx="4" hasCustomPrompt="1"/>
          </p:nvPr>
        </p:nvSpPr>
        <p:spPr>
          <a:xfrm>
            <a:off x="9051284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8" name="Google Shape;58;p4"/>
          <p:cNvSpPr txBox="1">
            <a:spLocks noGrp="1"/>
          </p:cNvSpPr>
          <p:nvPr>
            <p:ph type="ctrTitle" idx="5"/>
          </p:nvPr>
        </p:nvSpPr>
        <p:spPr>
          <a:xfrm>
            <a:off x="415600" y="824767"/>
            <a:ext cx="113608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Font typeface="Permanent Marker"/>
              <a:buNone/>
              <a:defRPr sz="24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59" name="Google Shape;59;p4"/>
          <p:cNvSpPr txBox="1">
            <a:spLocks noGrp="1"/>
          </p:cNvSpPr>
          <p:nvPr>
            <p:ph type="subTitle" idx="1"/>
          </p:nvPr>
        </p:nvSpPr>
        <p:spPr>
          <a:xfrm>
            <a:off x="1521933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0" name="Google Shape;60;p4"/>
          <p:cNvSpPr txBox="1">
            <a:spLocks noGrp="1"/>
          </p:cNvSpPr>
          <p:nvPr>
            <p:ph type="subTitle" idx="6"/>
          </p:nvPr>
        </p:nvSpPr>
        <p:spPr>
          <a:xfrm>
            <a:off x="3907300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1" name="Google Shape;61;p4"/>
          <p:cNvSpPr txBox="1">
            <a:spLocks noGrp="1"/>
          </p:cNvSpPr>
          <p:nvPr>
            <p:ph type="subTitle" idx="7"/>
          </p:nvPr>
        </p:nvSpPr>
        <p:spPr>
          <a:xfrm>
            <a:off x="6292667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2" name="Google Shape;62;p4"/>
          <p:cNvSpPr txBox="1">
            <a:spLocks noGrp="1"/>
          </p:cNvSpPr>
          <p:nvPr>
            <p:ph type="subTitle" idx="8"/>
          </p:nvPr>
        </p:nvSpPr>
        <p:spPr>
          <a:xfrm>
            <a:off x="8678100" y="49101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3" name="Google Shape;63;p4"/>
          <p:cNvSpPr txBox="1">
            <a:spLocks noGrp="1"/>
          </p:cNvSpPr>
          <p:nvPr>
            <p:ph type="subTitle" idx="9"/>
          </p:nvPr>
        </p:nvSpPr>
        <p:spPr>
          <a:xfrm>
            <a:off x="6292700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40998387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EXT">
  <p:cSld name="TITLE + TEXT">
    <p:spTree>
      <p:nvGrpSpPr>
        <p:cNvPr id="1" name="Shape 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5" name="Google Shape;65;p5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66" name="Google Shape;66;p5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67" name="Google Shape;67;p5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68" name="Google Shape;68;p5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69" name="Google Shape;69;p5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0" name="Google Shape;70;p5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1" name="Google Shape;71;p5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2" name="Google Shape;72;p5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3" name="Google Shape;73;p5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4" name="Google Shape;74;p5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5" name="Google Shape;75;p5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6" name="Google Shape;76;p5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7" name="Google Shape;77;p5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78" name="Google Shape;78;p5"/>
          <p:cNvSpPr txBox="1">
            <a:spLocks noGrp="1"/>
          </p:cNvSpPr>
          <p:nvPr>
            <p:ph type="subTitle" idx="1"/>
          </p:nvPr>
        </p:nvSpPr>
        <p:spPr>
          <a:xfrm>
            <a:off x="1252700" y="2739400"/>
            <a:ext cx="3888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79" name="Google Shape;79;p5"/>
          <p:cNvSpPr txBox="1">
            <a:spLocks noGrp="1"/>
          </p:cNvSpPr>
          <p:nvPr>
            <p:ph type="ctrTitle"/>
          </p:nvPr>
        </p:nvSpPr>
        <p:spPr>
          <a:xfrm>
            <a:off x="1252700" y="689133"/>
            <a:ext cx="9720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4006081073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QUOTE">
  <p:cSld name="QUOTE">
    <p:spTree>
      <p:nvGrpSpPr>
        <p:cNvPr id="1" name="Shape 8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1" name="Google Shape;81;p6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82" name="Google Shape;82;p6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3" name="Google Shape;83;p6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4" name="Google Shape;84;p6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5" name="Google Shape;85;p6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6" name="Google Shape;86;p6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7" name="Google Shape;87;p6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8" name="Google Shape;88;p6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9" name="Google Shape;89;p6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0" name="Google Shape;90;p6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1" name="Google Shape;91;p6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2" name="Google Shape;92;p6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3" name="Google Shape;93;p6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94" name="Google Shape;94;p6"/>
          <p:cNvSpPr txBox="1">
            <a:spLocks noGrp="1"/>
          </p:cNvSpPr>
          <p:nvPr>
            <p:ph type="ctrTitle"/>
          </p:nvPr>
        </p:nvSpPr>
        <p:spPr>
          <a:xfrm>
            <a:off x="2678400" y="5196051"/>
            <a:ext cx="6835200" cy="510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None/>
              <a:defRPr sz="1467">
                <a:latin typeface="Comfortaa"/>
                <a:ea typeface="Comfortaa"/>
                <a:cs typeface="Comfortaa"/>
                <a:sym typeface="Comfortaa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  <p:sp>
        <p:nvSpPr>
          <p:cNvPr id="95" name="Google Shape;95;p6"/>
          <p:cNvSpPr txBox="1">
            <a:spLocks noGrp="1"/>
          </p:cNvSpPr>
          <p:nvPr>
            <p:ph type="subTitle" idx="1"/>
          </p:nvPr>
        </p:nvSpPr>
        <p:spPr>
          <a:xfrm>
            <a:off x="2553000" y="1869300"/>
            <a:ext cx="7086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60876465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674826964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EXT 2">
  <p:cSld name="TITLE + TEXT 2">
    <p:spTree>
      <p:nvGrpSpPr>
        <p:cNvPr id="1" name="Shape 9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7" name="Google Shape;97;p7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98" name="Google Shape;98;p7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9" name="Google Shape;99;p7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0" name="Google Shape;100;p7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1" name="Google Shape;101;p7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2" name="Google Shape;102;p7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3" name="Google Shape;103;p7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4" name="Google Shape;104;p7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5" name="Google Shape;105;p7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6" name="Google Shape;106;p7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7" name="Google Shape;107;p7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8" name="Google Shape;108;p7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9" name="Google Shape;109;p7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10" name="Google Shape;110;p7"/>
          <p:cNvSpPr txBox="1">
            <a:spLocks noGrp="1"/>
          </p:cNvSpPr>
          <p:nvPr>
            <p:ph type="ctrTitle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11" name="Google Shape;111;p7"/>
          <p:cNvSpPr txBox="1">
            <a:spLocks noGrp="1"/>
          </p:cNvSpPr>
          <p:nvPr>
            <p:ph type="subTitle" idx="1"/>
          </p:nvPr>
        </p:nvSpPr>
        <p:spPr>
          <a:xfrm>
            <a:off x="4152000" y="2739400"/>
            <a:ext cx="3888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660833304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TITLE">
  <p:cSld name="BIG TITLE">
    <p:spTree>
      <p:nvGrpSpPr>
        <p:cNvPr id="1" name="Shape 11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3" name="Google Shape;113;p8"/>
          <p:cNvSpPr txBox="1">
            <a:spLocks noGrp="1"/>
          </p:cNvSpPr>
          <p:nvPr>
            <p:ph type="ctrTitle"/>
          </p:nvPr>
        </p:nvSpPr>
        <p:spPr>
          <a:xfrm>
            <a:off x="4145000" y="2940400"/>
            <a:ext cx="3902000" cy="9772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721741664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FOUR COLUMNS" type="blank">
  <p:cSld name="TITLE + FOUR COLUMNS">
    <p:spTree>
      <p:nvGrpSpPr>
        <p:cNvPr id="1" name="Shape 1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15" name="Google Shape;115;p9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16" name="Google Shape;116;p9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7" name="Google Shape;117;p9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8" name="Google Shape;118;p9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9" name="Google Shape;119;p9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0" name="Google Shape;120;p9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1" name="Google Shape;121;p9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2" name="Google Shape;122;p9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3" name="Google Shape;123;p9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4" name="Google Shape;124;p9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5" name="Google Shape;125;p9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6" name="Google Shape;126;p9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7" name="Google Shape;127;p9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28" name="Google Shape;128;p9"/>
          <p:cNvSpPr txBox="1">
            <a:spLocks noGrp="1"/>
          </p:cNvSpPr>
          <p:nvPr>
            <p:ph type="subTitle" idx="1"/>
          </p:nvPr>
        </p:nvSpPr>
        <p:spPr>
          <a:xfrm>
            <a:off x="1521917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29" name="Google Shape;129;p9"/>
          <p:cNvSpPr txBox="1">
            <a:spLocks noGrp="1"/>
          </p:cNvSpPr>
          <p:nvPr>
            <p:ph type="subTitle" idx="2"/>
          </p:nvPr>
        </p:nvSpPr>
        <p:spPr>
          <a:xfrm>
            <a:off x="3907284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30" name="Google Shape;130;p9"/>
          <p:cNvSpPr txBox="1">
            <a:spLocks noGrp="1"/>
          </p:cNvSpPr>
          <p:nvPr>
            <p:ph type="subTitle" idx="3"/>
          </p:nvPr>
        </p:nvSpPr>
        <p:spPr>
          <a:xfrm>
            <a:off x="8678084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31" name="Google Shape;131;p9"/>
          <p:cNvSpPr txBox="1">
            <a:spLocks noGrp="1"/>
          </p:cNvSpPr>
          <p:nvPr>
            <p:ph type="subTitle" idx="4"/>
          </p:nvPr>
        </p:nvSpPr>
        <p:spPr>
          <a:xfrm>
            <a:off x="6292684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32" name="Google Shape;132;p9"/>
          <p:cNvSpPr txBox="1">
            <a:spLocks noGrp="1"/>
          </p:cNvSpPr>
          <p:nvPr>
            <p:ph type="ctrTitle"/>
          </p:nvPr>
        </p:nvSpPr>
        <p:spPr>
          <a:xfrm>
            <a:off x="1521933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3" name="Google Shape;133;p9"/>
          <p:cNvSpPr txBox="1">
            <a:spLocks noGrp="1"/>
          </p:cNvSpPr>
          <p:nvPr>
            <p:ph type="ctrTitle" idx="5"/>
          </p:nvPr>
        </p:nvSpPr>
        <p:spPr>
          <a:xfrm>
            <a:off x="3907300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4" name="Google Shape;134;p9"/>
          <p:cNvSpPr txBox="1">
            <a:spLocks noGrp="1"/>
          </p:cNvSpPr>
          <p:nvPr>
            <p:ph type="ctrTitle" idx="6"/>
          </p:nvPr>
        </p:nvSpPr>
        <p:spPr>
          <a:xfrm>
            <a:off x="6292700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5" name="Google Shape;135;p9"/>
          <p:cNvSpPr txBox="1">
            <a:spLocks noGrp="1"/>
          </p:cNvSpPr>
          <p:nvPr>
            <p:ph type="ctrTitle" idx="7"/>
          </p:nvPr>
        </p:nvSpPr>
        <p:spPr>
          <a:xfrm>
            <a:off x="8678100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6" name="Google Shape;136;p9"/>
          <p:cNvSpPr txBox="1">
            <a:spLocks noGrp="1"/>
          </p:cNvSpPr>
          <p:nvPr>
            <p:ph type="ctrTitle" idx="8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318258553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HREE COLUMNS">
  <p:cSld name="TITLE + THREE COLUMNS">
    <p:spTree>
      <p:nvGrpSpPr>
        <p:cNvPr id="1" name="Shape 13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8" name="Google Shape;138;p10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39" name="Google Shape;139;p10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0" name="Google Shape;140;p10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1" name="Google Shape;141;p10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2" name="Google Shape;142;p10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3" name="Google Shape;143;p10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4" name="Google Shape;144;p10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5" name="Google Shape;145;p10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6" name="Google Shape;146;p10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7" name="Google Shape;147;p10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8" name="Google Shape;148;p10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9" name="Google Shape;149;p10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50" name="Google Shape;150;p10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51" name="Google Shape;151;p10"/>
          <p:cNvSpPr txBox="1">
            <a:spLocks noGrp="1"/>
          </p:cNvSpPr>
          <p:nvPr>
            <p:ph type="subTitle" idx="1"/>
          </p:nvPr>
        </p:nvSpPr>
        <p:spPr>
          <a:xfrm>
            <a:off x="1665233" y="38097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52" name="Google Shape;152;p10"/>
          <p:cNvSpPr txBox="1">
            <a:spLocks noGrp="1"/>
          </p:cNvSpPr>
          <p:nvPr>
            <p:ph type="subTitle" idx="2"/>
          </p:nvPr>
        </p:nvSpPr>
        <p:spPr>
          <a:xfrm>
            <a:off x="4965000" y="38097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53" name="Google Shape;153;p10"/>
          <p:cNvSpPr txBox="1">
            <a:spLocks noGrp="1"/>
          </p:cNvSpPr>
          <p:nvPr>
            <p:ph type="subTitle" idx="3"/>
          </p:nvPr>
        </p:nvSpPr>
        <p:spPr>
          <a:xfrm>
            <a:off x="8264767" y="38097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54" name="Google Shape;154;p10"/>
          <p:cNvSpPr txBox="1">
            <a:spLocks noGrp="1"/>
          </p:cNvSpPr>
          <p:nvPr>
            <p:ph type="ctrTitle"/>
          </p:nvPr>
        </p:nvSpPr>
        <p:spPr>
          <a:xfrm>
            <a:off x="1800217" y="23655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55" name="Google Shape;155;p10"/>
          <p:cNvSpPr txBox="1">
            <a:spLocks noGrp="1"/>
          </p:cNvSpPr>
          <p:nvPr>
            <p:ph type="ctrTitle" idx="4"/>
          </p:nvPr>
        </p:nvSpPr>
        <p:spPr>
          <a:xfrm>
            <a:off x="5099984" y="23655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56" name="Google Shape;156;p10"/>
          <p:cNvSpPr txBox="1">
            <a:spLocks noGrp="1"/>
          </p:cNvSpPr>
          <p:nvPr>
            <p:ph type="ctrTitle" idx="5"/>
          </p:nvPr>
        </p:nvSpPr>
        <p:spPr>
          <a:xfrm>
            <a:off x="8399784" y="23655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57" name="Google Shape;157;p10"/>
          <p:cNvSpPr txBox="1">
            <a:spLocks noGrp="1"/>
          </p:cNvSpPr>
          <p:nvPr>
            <p:ph type="ctrTitle" idx="6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604002854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NUMBERS">
  <p:cSld name="BIG NUMBERS">
    <p:spTree>
      <p:nvGrpSpPr>
        <p:cNvPr id="1" name="Shape 1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59" name="Google Shape;159;p11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60" name="Google Shape;160;p11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1" name="Google Shape;161;p11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2" name="Google Shape;162;p11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3" name="Google Shape;163;p11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4" name="Google Shape;164;p11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5" name="Google Shape;165;p11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6" name="Google Shape;166;p11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7" name="Google Shape;167;p11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8" name="Google Shape;168;p11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9" name="Google Shape;169;p11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0" name="Google Shape;170;p11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1" name="Google Shape;171;p11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72" name="Google Shape;172;p11"/>
          <p:cNvSpPr txBox="1">
            <a:spLocks noGrp="1"/>
          </p:cNvSpPr>
          <p:nvPr>
            <p:ph type="title" hasCustomPrompt="1"/>
          </p:nvPr>
        </p:nvSpPr>
        <p:spPr>
          <a:xfrm>
            <a:off x="3335000" y="934651"/>
            <a:ext cx="5522000" cy="797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6000"/>
              <a:buNone/>
              <a:defRPr sz="8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  <p:sp>
        <p:nvSpPr>
          <p:cNvPr id="173" name="Google Shape;173;p11"/>
          <p:cNvSpPr txBox="1">
            <a:spLocks noGrp="1"/>
          </p:cNvSpPr>
          <p:nvPr>
            <p:ph type="title" idx="2" hasCustomPrompt="1"/>
          </p:nvPr>
        </p:nvSpPr>
        <p:spPr>
          <a:xfrm>
            <a:off x="3335000" y="2814251"/>
            <a:ext cx="5522000" cy="797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6000"/>
              <a:buNone/>
              <a:defRPr sz="8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  <p:sp>
        <p:nvSpPr>
          <p:cNvPr id="174" name="Google Shape;174;p11"/>
          <p:cNvSpPr txBox="1">
            <a:spLocks noGrp="1"/>
          </p:cNvSpPr>
          <p:nvPr>
            <p:ph type="title" idx="3" hasCustomPrompt="1"/>
          </p:nvPr>
        </p:nvSpPr>
        <p:spPr>
          <a:xfrm>
            <a:off x="3335000" y="4693851"/>
            <a:ext cx="5522000" cy="797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6000"/>
              <a:buNone/>
              <a:defRPr sz="8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</p:spTree>
    <p:extLst>
      <p:ext uri="{BB962C8B-B14F-4D97-AF65-F5344CB8AC3E}">
        <p14:creationId xmlns:p14="http://schemas.microsoft.com/office/powerpoint/2010/main" val="1348209240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DESIGN">
  <p:cSld name="TITLE + DESIGN">
    <p:spTree>
      <p:nvGrpSpPr>
        <p:cNvPr id="1" name="Shape 1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6" name="Google Shape;176;p12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77" name="Google Shape;177;p12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8" name="Google Shape;178;p12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9" name="Google Shape;179;p12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0" name="Google Shape;180;p12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1" name="Google Shape;181;p12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2" name="Google Shape;182;p12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3" name="Google Shape;183;p12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4" name="Google Shape;184;p12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5" name="Google Shape;185;p12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6" name="Google Shape;186;p12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7" name="Google Shape;187;p12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8" name="Google Shape;188;p12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89" name="Google Shape;189;p12"/>
          <p:cNvSpPr txBox="1">
            <a:spLocks noGrp="1"/>
          </p:cNvSpPr>
          <p:nvPr>
            <p:ph type="ctrTitle"/>
          </p:nvPr>
        </p:nvSpPr>
        <p:spPr>
          <a:xfrm>
            <a:off x="4416800" y="1603533"/>
            <a:ext cx="3358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961532614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HREE COLUMNS">
  <p:cSld name="1_TITLE + THREE COLUMNS">
    <p:spTree>
      <p:nvGrpSpPr>
        <p:cNvPr id="1" name="Shape 19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91" name="Google Shape;191;p13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92" name="Google Shape;192;p13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3" name="Google Shape;193;p13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4" name="Google Shape;194;p13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5" name="Google Shape;195;p13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6" name="Google Shape;196;p13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7" name="Google Shape;197;p13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8" name="Google Shape;198;p13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9" name="Google Shape;199;p13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0" name="Google Shape;200;p13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1" name="Google Shape;201;p13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2" name="Google Shape;202;p13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3" name="Google Shape;203;p13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04" name="Google Shape;204;p13"/>
          <p:cNvSpPr txBox="1">
            <a:spLocks noGrp="1"/>
          </p:cNvSpPr>
          <p:nvPr>
            <p:ph type="subTitle" idx="1"/>
          </p:nvPr>
        </p:nvSpPr>
        <p:spPr>
          <a:xfrm>
            <a:off x="8303733" y="2601400"/>
            <a:ext cx="2528800" cy="626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05" name="Google Shape;205;p13"/>
          <p:cNvSpPr txBox="1">
            <a:spLocks noGrp="1"/>
          </p:cNvSpPr>
          <p:nvPr>
            <p:ph type="ctrTitle"/>
          </p:nvPr>
        </p:nvSpPr>
        <p:spPr>
          <a:xfrm>
            <a:off x="8303733" y="1946433"/>
            <a:ext cx="3964800" cy="7904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06" name="Google Shape;206;p13"/>
          <p:cNvSpPr txBox="1">
            <a:spLocks noGrp="1"/>
          </p:cNvSpPr>
          <p:nvPr>
            <p:ph type="subTitle" idx="2"/>
          </p:nvPr>
        </p:nvSpPr>
        <p:spPr>
          <a:xfrm>
            <a:off x="8303733" y="3959267"/>
            <a:ext cx="2528800" cy="626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07" name="Google Shape;207;p13"/>
          <p:cNvSpPr txBox="1">
            <a:spLocks noGrp="1"/>
          </p:cNvSpPr>
          <p:nvPr>
            <p:ph type="ctrTitle" idx="3"/>
          </p:nvPr>
        </p:nvSpPr>
        <p:spPr>
          <a:xfrm>
            <a:off x="8303733" y="3304300"/>
            <a:ext cx="3964800" cy="7904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08" name="Google Shape;208;p13"/>
          <p:cNvSpPr txBox="1">
            <a:spLocks noGrp="1"/>
          </p:cNvSpPr>
          <p:nvPr>
            <p:ph type="subTitle" idx="4"/>
          </p:nvPr>
        </p:nvSpPr>
        <p:spPr>
          <a:xfrm>
            <a:off x="8303733" y="5317133"/>
            <a:ext cx="2528800" cy="626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09" name="Google Shape;209;p13"/>
          <p:cNvSpPr txBox="1">
            <a:spLocks noGrp="1"/>
          </p:cNvSpPr>
          <p:nvPr>
            <p:ph type="ctrTitle" idx="5"/>
          </p:nvPr>
        </p:nvSpPr>
        <p:spPr>
          <a:xfrm>
            <a:off x="8303733" y="4662167"/>
            <a:ext cx="3964800" cy="7904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10" name="Google Shape;210;p13"/>
          <p:cNvSpPr txBox="1">
            <a:spLocks noGrp="1"/>
          </p:cNvSpPr>
          <p:nvPr>
            <p:ph type="ctrTitle" idx="6"/>
          </p:nvPr>
        </p:nvSpPr>
        <p:spPr>
          <a:xfrm>
            <a:off x="1252700" y="689133"/>
            <a:ext cx="9720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434489915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WO COLUMNS ">
  <p:cSld name="TWO COLUMNS ">
    <p:spTree>
      <p:nvGrpSpPr>
        <p:cNvPr id="1" name="Shape 2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12" name="Google Shape;212;p14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13" name="Google Shape;213;p14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4" name="Google Shape;214;p14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5" name="Google Shape;215;p14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6" name="Google Shape;216;p14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7" name="Google Shape;217;p14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8" name="Google Shape;218;p14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9" name="Google Shape;219;p14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0" name="Google Shape;220;p14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1" name="Google Shape;221;p14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2" name="Google Shape;222;p14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3" name="Google Shape;223;p14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4" name="Google Shape;224;p14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25" name="Google Shape;225;p14"/>
          <p:cNvSpPr txBox="1">
            <a:spLocks noGrp="1"/>
          </p:cNvSpPr>
          <p:nvPr>
            <p:ph type="subTitle" idx="1"/>
          </p:nvPr>
        </p:nvSpPr>
        <p:spPr>
          <a:xfrm>
            <a:off x="3111900" y="33652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26" name="Google Shape;226;p14"/>
          <p:cNvSpPr txBox="1">
            <a:spLocks noGrp="1"/>
          </p:cNvSpPr>
          <p:nvPr>
            <p:ph type="subTitle" idx="2"/>
          </p:nvPr>
        </p:nvSpPr>
        <p:spPr>
          <a:xfrm>
            <a:off x="6818067" y="33652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27" name="Google Shape;227;p14"/>
          <p:cNvSpPr txBox="1">
            <a:spLocks noGrp="1"/>
          </p:cNvSpPr>
          <p:nvPr>
            <p:ph type="ctrTitle"/>
          </p:nvPr>
        </p:nvSpPr>
        <p:spPr>
          <a:xfrm>
            <a:off x="3246884" y="23274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28" name="Google Shape;228;p14"/>
          <p:cNvSpPr txBox="1">
            <a:spLocks noGrp="1"/>
          </p:cNvSpPr>
          <p:nvPr>
            <p:ph type="ctrTitle" idx="3"/>
          </p:nvPr>
        </p:nvSpPr>
        <p:spPr>
          <a:xfrm>
            <a:off x="6953051" y="23274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412559628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DESIGN 2">
  <p:cSld name="TITLE + DESIGN 2">
    <p:spTree>
      <p:nvGrpSpPr>
        <p:cNvPr id="1" name="Shape 2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30" name="Google Shape;230;p15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31" name="Google Shape;231;p15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2" name="Google Shape;232;p15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3" name="Google Shape;233;p15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4" name="Google Shape;234;p15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5" name="Google Shape;235;p15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6" name="Google Shape;236;p15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7" name="Google Shape;237;p15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8" name="Google Shape;238;p15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9" name="Google Shape;239;p15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0" name="Google Shape;240;p15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1" name="Google Shape;241;p15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2" name="Google Shape;242;p15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43" name="Google Shape;243;p15"/>
          <p:cNvSpPr txBox="1">
            <a:spLocks noGrp="1"/>
          </p:cNvSpPr>
          <p:nvPr>
            <p:ph type="ctrTitle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133052667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SIX COLUMNS">
  <p:cSld name="TITLE + SIX COLUMNS">
    <p:spTree>
      <p:nvGrpSpPr>
        <p:cNvPr id="1" name="Shape 2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45" name="Google Shape;245;p16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46" name="Google Shape;246;p16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7" name="Google Shape;247;p16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8" name="Google Shape;248;p16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9" name="Google Shape;249;p16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0" name="Google Shape;250;p16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1" name="Google Shape;251;p16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2" name="Google Shape;252;p16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3" name="Google Shape;253;p16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4" name="Google Shape;254;p16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5" name="Google Shape;255;p16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6" name="Google Shape;256;p16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7" name="Google Shape;257;p16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58" name="Google Shape;258;p16"/>
          <p:cNvSpPr txBox="1">
            <a:spLocks noGrp="1"/>
          </p:cNvSpPr>
          <p:nvPr>
            <p:ph type="subTitle" idx="1"/>
          </p:nvPr>
        </p:nvSpPr>
        <p:spPr>
          <a:xfrm>
            <a:off x="1974803" y="28445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59" name="Google Shape;259;p16"/>
          <p:cNvSpPr txBox="1">
            <a:spLocks noGrp="1"/>
          </p:cNvSpPr>
          <p:nvPr>
            <p:ph type="subTitle" idx="2"/>
          </p:nvPr>
        </p:nvSpPr>
        <p:spPr>
          <a:xfrm>
            <a:off x="4969788" y="28445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0" name="Google Shape;260;p16"/>
          <p:cNvSpPr txBox="1">
            <a:spLocks noGrp="1"/>
          </p:cNvSpPr>
          <p:nvPr>
            <p:ph type="subTitle" idx="3"/>
          </p:nvPr>
        </p:nvSpPr>
        <p:spPr>
          <a:xfrm>
            <a:off x="7964777" y="28445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1" name="Google Shape;261;p16"/>
          <p:cNvSpPr txBox="1">
            <a:spLocks noGrp="1"/>
          </p:cNvSpPr>
          <p:nvPr>
            <p:ph type="ctrTitle"/>
          </p:nvPr>
        </p:nvSpPr>
        <p:spPr>
          <a:xfrm>
            <a:off x="1885017" y="17657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2" name="Google Shape;262;p16"/>
          <p:cNvSpPr txBox="1">
            <a:spLocks noGrp="1"/>
          </p:cNvSpPr>
          <p:nvPr>
            <p:ph type="ctrTitle" idx="4"/>
          </p:nvPr>
        </p:nvSpPr>
        <p:spPr>
          <a:xfrm>
            <a:off x="4880020" y="17657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3" name="Google Shape;263;p16"/>
          <p:cNvSpPr txBox="1">
            <a:spLocks noGrp="1"/>
          </p:cNvSpPr>
          <p:nvPr>
            <p:ph type="ctrTitle" idx="5"/>
          </p:nvPr>
        </p:nvSpPr>
        <p:spPr>
          <a:xfrm>
            <a:off x="7874997" y="17657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4" name="Google Shape;264;p16"/>
          <p:cNvSpPr txBox="1">
            <a:spLocks noGrp="1"/>
          </p:cNvSpPr>
          <p:nvPr>
            <p:ph type="subTitle" idx="6"/>
          </p:nvPr>
        </p:nvSpPr>
        <p:spPr>
          <a:xfrm>
            <a:off x="1974803" y="49908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5" name="Google Shape;265;p16"/>
          <p:cNvSpPr txBox="1">
            <a:spLocks noGrp="1"/>
          </p:cNvSpPr>
          <p:nvPr>
            <p:ph type="subTitle" idx="7"/>
          </p:nvPr>
        </p:nvSpPr>
        <p:spPr>
          <a:xfrm>
            <a:off x="4969788" y="49908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6" name="Google Shape;266;p16"/>
          <p:cNvSpPr txBox="1">
            <a:spLocks noGrp="1"/>
          </p:cNvSpPr>
          <p:nvPr>
            <p:ph type="subTitle" idx="8"/>
          </p:nvPr>
        </p:nvSpPr>
        <p:spPr>
          <a:xfrm>
            <a:off x="7964760" y="49908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7" name="Google Shape;267;p16"/>
          <p:cNvSpPr txBox="1">
            <a:spLocks noGrp="1"/>
          </p:cNvSpPr>
          <p:nvPr>
            <p:ph type="ctrTitle" idx="9"/>
          </p:nvPr>
        </p:nvSpPr>
        <p:spPr>
          <a:xfrm>
            <a:off x="1885000" y="39120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8" name="Google Shape;268;p16"/>
          <p:cNvSpPr txBox="1">
            <a:spLocks noGrp="1"/>
          </p:cNvSpPr>
          <p:nvPr>
            <p:ph type="ctrTitle" idx="13"/>
          </p:nvPr>
        </p:nvSpPr>
        <p:spPr>
          <a:xfrm>
            <a:off x="4880004" y="39120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9" name="Google Shape;269;p16"/>
          <p:cNvSpPr txBox="1">
            <a:spLocks noGrp="1"/>
          </p:cNvSpPr>
          <p:nvPr>
            <p:ph type="ctrTitle" idx="14"/>
          </p:nvPr>
        </p:nvSpPr>
        <p:spPr>
          <a:xfrm>
            <a:off x="7874981" y="39120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70" name="Google Shape;270;p16"/>
          <p:cNvSpPr txBox="1">
            <a:spLocks noGrp="1"/>
          </p:cNvSpPr>
          <p:nvPr>
            <p:ph type="ctrTitle" idx="15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08352106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809971484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HANKS &amp; CREDITS">
  <p:cSld name="THANKS &amp; CREDITS">
    <p:spTree>
      <p:nvGrpSpPr>
        <p:cNvPr id="1" name="Shape 27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72" name="Google Shape;272;p17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73" name="Google Shape;273;p17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4" name="Google Shape;274;p17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5" name="Google Shape;275;p17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6" name="Google Shape;276;p17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7" name="Google Shape;277;p17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8" name="Google Shape;278;p17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9" name="Google Shape;279;p17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0" name="Google Shape;280;p17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1" name="Google Shape;281;p17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2" name="Google Shape;282;p17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3" name="Google Shape;283;p17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4" name="Google Shape;284;p17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85" name="Google Shape;285;p17"/>
          <p:cNvSpPr txBox="1">
            <a:spLocks noGrp="1"/>
          </p:cNvSpPr>
          <p:nvPr>
            <p:ph type="ctrTitle"/>
          </p:nvPr>
        </p:nvSpPr>
        <p:spPr>
          <a:xfrm>
            <a:off x="1252700" y="1197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3600"/>
              <a:buFont typeface="Permanent Marker"/>
              <a:buNone/>
              <a:defRPr sz="48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86" name="Google Shape;286;p17"/>
          <p:cNvSpPr txBox="1">
            <a:spLocks noGrp="1"/>
          </p:cNvSpPr>
          <p:nvPr>
            <p:ph type="subTitle" idx="1"/>
          </p:nvPr>
        </p:nvSpPr>
        <p:spPr>
          <a:xfrm>
            <a:off x="1252700" y="2739400"/>
            <a:ext cx="3888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87" name="Google Shape;287;p17"/>
          <p:cNvSpPr txBox="1"/>
          <p:nvPr/>
        </p:nvSpPr>
        <p:spPr>
          <a:xfrm>
            <a:off x="1252700" y="4710800"/>
            <a:ext cx="4138000" cy="1358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CREDITS: This presentation template was created by </a:t>
            </a:r>
            <a:r>
              <a:rPr kumimoji="0" lang="en" sz="1067" b="1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2"/>
              </a:rPr>
              <a:t>Slidesgo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, including icons by </a:t>
            </a:r>
            <a:r>
              <a:rPr kumimoji="0" lang="en" sz="1067" b="1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3"/>
              </a:rPr>
              <a:t>Flatico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3"/>
              </a:rPr>
              <a:t>n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, and infographics &amp; images by </a:t>
            </a:r>
            <a:r>
              <a:rPr kumimoji="0" lang="en" sz="1067" b="1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4"/>
              </a:rPr>
              <a:t>Freepik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. </a:t>
            </a:r>
            <a:endParaRPr kumimoji="0" sz="10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omfortaa"/>
              <a:ea typeface="Comfortaa"/>
              <a:cs typeface="Comfortaa"/>
              <a:sym typeface="Comfortaa"/>
            </a:endParaRPr>
          </a:p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0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omfortaa"/>
              <a:ea typeface="Comfortaa"/>
              <a:cs typeface="Comfortaa"/>
              <a:sym typeface="Comfortaa"/>
            </a:endParaRPr>
          </a:p>
        </p:txBody>
      </p:sp>
    </p:spTree>
    <p:extLst>
      <p:ext uri="{BB962C8B-B14F-4D97-AF65-F5344CB8AC3E}">
        <p14:creationId xmlns:p14="http://schemas.microsoft.com/office/powerpoint/2010/main" val="3953209949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BULLET POINTS">
  <p:cSld name="1_TITLE + BULLET POINTS">
    <p:spTree>
      <p:nvGrpSpPr>
        <p:cNvPr id="1" name="Shape 28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89" name="Google Shape;289;p18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90" name="Google Shape;290;p18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1" name="Google Shape;291;p18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2" name="Google Shape;292;p18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3" name="Google Shape;293;p18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4" name="Google Shape;294;p18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5" name="Google Shape;295;p18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6" name="Google Shape;296;p18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7" name="Google Shape;297;p18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8" name="Google Shape;298;p18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9" name="Google Shape;299;p18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0" name="Google Shape;300;p18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1" name="Google Shape;301;p18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302" name="Google Shape;302;p18"/>
          <p:cNvSpPr txBox="1">
            <a:spLocks noGrp="1"/>
          </p:cNvSpPr>
          <p:nvPr>
            <p:ph type="ctrTitle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303" name="Google Shape;303;p18"/>
          <p:cNvSpPr txBox="1">
            <a:spLocks noGrp="1"/>
          </p:cNvSpPr>
          <p:nvPr>
            <p:ph type="body" idx="1"/>
          </p:nvPr>
        </p:nvSpPr>
        <p:spPr>
          <a:xfrm>
            <a:off x="1479551" y="2057400"/>
            <a:ext cx="4419600" cy="4161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397923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1pPr>
            <a:lvl2pPr marL="1219170" lvl="1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2pPr>
            <a:lvl3pPr marL="1828754" lvl="2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3pPr>
            <a:lvl4pPr marL="2438339" lvl="3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4pPr>
            <a:lvl5pPr marL="3047924" lvl="4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5pPr>
            <a:lvl6pPr marL="3657509" lvl="5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6pPr>
            <a:lvl7pPr marL="4267093" lvl="6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7pPr>
            <a:lvl8pPr marL="4876678" lvl="7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8pPr>
            <a:lvl9pPr marL="5486263" lvl="8" indent="-397923" rtl="0">
              <a:lnSpc>
                <a:spcPct val="115000"/>
              </a:lnSpc>
              <a:spcBef>
                <a:spcPts val="2133"/>
              </a:spcBef>
              <a:spcAft>
                <a:spcPts val="2133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  <p:sp>
        <p:nvSpPr>
          <p:cNvPr id="304" name="Google Shape;304;p18"/>
          <p:cNvSpPr txBox="1">
            <a:spLocks noGrp="1"/>
          </p:cNvSpPr>
          <p:nvPr>
            <p:ph type="body" idx="2"/>
          </p:nvPr>
        </p:nvSpPr>
        <p:spPr>
          <a:xfrm>
            <a:off x="6292851" y="2057400"/>
            <a:ext cx="4419600" cy="4161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397923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1pPr>
            <a:lvl2pPr marL="1219170" lvl="1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2pPr>
            <a:lvl3pPr marL="1828754" lvl="2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3pPr>
            <a:lvl4pPr marL="2438339" lvl="3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4pPr>
            <a:lvl5pPr marL="3047924" lvl="4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5pPr>
            <a:lvl6pPr marL="3657509" lvl="5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6pPr>
            <a:lvl7pPr marL="4267093" lvl="6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7pPr>
            <a:lvl8pPr marL="4876678" lvl="7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8pPr>
            <a:lvl9pPr marL="5486263" lvl="8" indent="-397923" rtl="0">
              <a:lnSpc>
                <a:spcPct val="115000"/>
              </a:lnSpc>
              <a:spcBef>
                <a:spcPts val="2133"/>
              </a:spcBef>
              <a:spcAft>
                <a:spcPts val="2133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660815191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">
  <p:cSld name="BACKGROUND"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06" name="Google Shape;306;p19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307" name="Google Shape;307;p19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8" name="Google Shape;308;p19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9" name="Google Shape;309;p19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0" name="Google Shape;310;p19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1" name="Google Shape;311;p19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2" name="Google Shape;312;p19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3" name="Google Shape;313;p19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4" name="Google Shape;314;p19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5" name="Google Shape;315;p19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6" name="Google Shape;316;p19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7" name="Google Shape;317;p19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8" name="Google Shape;318;p19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</p:spTree>
    <p:extLst>
      <p:ext uri="{BB962C8B-B14F-4D97-AF65-F5344CB8AC3E}">
        <p14:creationId xmlns:p14="http://schemas.microsoft.com/office/powerpoint/2010/main" val="998995687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 SLIDE">
  <p:cSld name="BLANK SLIDE">
    <p:spTree>
      <p:nvGrpSpPr>
        <p:cNvPr id="1" name="Shape 319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161526274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Özel Düz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Dikdörtgen 5">
            <a:extLst>
              <a:ext uri="{FF2B5EF4-FFF2-40B4-BE49-F238E27FC236}">
                <a16:creationId xmlns:a16="http://schemas.microsoft.com/office/drawing/2014/main" id="{0C73F973-9F1F-8F23-1CBE-66E00714117E}"/>
              </a:ext>
            </a:extLst>
          </p:cNvPr>
          <p:cNvSpPr/>
          <p:nvPr userDrawn="1"/>
        </p:nvSpPr>
        <p:spPr>
          <a:xfrm>
            <a:off x="6814458" y="0"/>
            <a:ext cx="5377543" cy="522514"/>
          </a:xfrm>
          <a:prstGeom prst="rect">
            <a:avLst/>
          </a:prstGeom>
          <a:solidFill>
            <a:schemeClr val="accent2">
              <a:lumMod val="60000"/>
              <a:lumOff val="40000"/>
              <a:alpha val="31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2200" dirty="0">
                <a:solidFill>
                  <a:schemeClr val="accent1">
                    <a:lumMod val="50000"/>
                  </a:schemeClr>
                </a:solidFill>
              </a:rPr>
              <a:t>8. Sınıf 1.Ünite: 2. İnsanın İradesi ve Kader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37137309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6BFABF29-82FE-38A3-58E4-CE8F7997E95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Alt Başlık 2">
            <a:extLst>
              <a:ext uri="{FF2B5EF4-FFF2-40B4-BE49-F238E27FC236}">
                <a16:creationId xmlns:a16="http://schemas.microsoft.com/office/drawing/2014/main" id="{C1EBEB97-2C58-D39E-3FC4-48FB916B1490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23" indent="0" algn="ctr">
              <a:buNone/>
              <a:defRPr sz="2000"/>
            </a:lvl2pPr>
            <a:lvl3pPr marL="914446" indent="0" algn="ctr">
              <a:buNone/>
              <a:defRPr sz="1800"/>
            </a:lvl3pPr>
            <a:lvl4pPr marL="1371669" indent="0" algn="ctr">
              <a:buNone/>
              <a:defRPr sz="1600"/>
            </a:lvl4pPr>
            <a:lvl5pPr marL="1828891" indent="0" algn="ctr">
              <a:buNone/>
              <a:defRPr sz="1600"/>
            </a:lvl5pPr>
            <a:lvl6pPr marL="2286114" indent="0" algn="ctr">
              <a:buNone/>
              <a:defRPr sz="1600"/>
            </a:lvl6pPr>
            <a:lvl7pPr marL="2743337" indent="0" algn="ctr">
              <a:buNone/>
              <a:defRPr sz="1600"/>
            </a:lvl7pPr>
            <a:lvl8pPr marL="3200560" indent="0" algn="ctr">
              <a:buNone/>
              <a:defRPr sz="1600"/>
            </a:lvl8pPr>
            <a:lvl9pPr marL="3657783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633776E9-6EF1-44AA-9E8C-6EC9C78FF41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7EFEB06F-B17A-8092-6EBD-178A29F370A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91592F27-E8D7-4CD3-BE60-0A305E4583B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9393156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93A3E5B-AAA4-0568-18CF-27E89FA2F61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8FF2449D-D8CE-053A-C792-F4A70BB46AA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B1F00615-4CFE-CB01-DC03-36B9038F97A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A9540FD3-4ECE-87E2-48C4-69F9627A863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BD04B2EF-3581-DC63-4989-73F00B3A80C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38472773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 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FED99D0A-1D7A-E7A0-EA45-9894176B16E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9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A086D603-1099-14BA-A32E-4B0BF89D18E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4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23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46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69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91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114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337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56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783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F2E3D41-B9B9-10B8-E2DE-0818EAC06D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0DFC8FB2-FB0E-240B-4BB1-D166A405DC9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30C2A265-679A-DDCB-5423-07C99F6A63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1710014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7E788B2-7961-E4C2-AD53-D8765623EAB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D83BD7-E036-0B81-4516-66D829CF412E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6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4DAD771F-871F-C0FF-38CF-72FA28FA917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6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C9AEA650-9F00-4ED7-57EB-843F0C27EC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77059666-AACA-381F-8399-12A9B606C7D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E0F92A53-25FC-F430-1880-AC865B6890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2812126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5577A7F-70A0-D267-F788-A5D940F67FB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6"/>
            <a:ext cx="10515600" cy="1325563"/>
          </a:xfrm>
        </p:spPr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D7A45636-B0E7-E1CB-0A89-345DC040FF6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9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23" indent="0">
              <a:buNone/>
              <a:defRPr sz="2000" b="1"/>
            </a:lvl2pPr>
            <a:lvl3pPr marL="914446" indent="0">
              <a:buNone/>
              <a:defRPr sz="1800" b="1"/>
            </a:lvl3pPr>
            <a:lvl4pPr marL="1371669" indent="0">
              <a:buNone/>
              <a:defRPr sz="1600" b="1"/>
            </a:lvl4pPr>
            <a:lvl5pPr marL="1828891" indent="0">
              <a:buNone/>
              <a:defRPr sz="1600" b="1"/>
            </a:lvl5pPr>
            <a:lvl6pPr marL="2286114" indent="0">
              <a:buNone/>
              <a:defRPr sz="1600" b="1"/>
            </a:lvl6pPr>
            <a:lvl7pPr marL="2743337" indent="0">
              <a:buNone/>
              <a:defRPr sz="1600" b="1"/>
            </a:lvl7pPr>
            <a:lvl8pPr marL="3200560" indent="0">
              <a:buNone/>
              <a:defRPr sz="1600" b="1"/>
            </a:lvl8pPr>
            <a:lvl9pPr marL="3657783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C2CD18E1-29DE-7B80-BB0E-C3BD044F3D1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9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>
            <a:extLst>
              <a:ext uri="{FF2B5EF4-FFF2-40B4-BE49-F238E27FC236}">
                <a16:creationId xmlns:a16="http://schemas.microsoft.com/office/drawing/2014/main" id="{2BD5BD68-C982-683D-A26A-8328A3973E4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23" indent="0">
              <a:buNone/>
              <a:defRPr sz="2000" b="1"/>
            </a:lvl2pPr>
            <a:lvl3pPr marL="914446" indent="0">
              <a:buNone/>
              <a:defRPr sz="1800" b="1"/>
            </a:lvl3pPr>
            <a:lvl4pPr marL="1371669" indent="0">
              <a:buNone/>
              <a:defRPr sz="1600" b="1"/>
            </a:lvl4pPr>
            <a:lvl5pPr marL="1828891" indent="0">
              <a:buNone/>
              <a:defRPr sz="1600" b="1"/>
            </a:lvl5pPr>
            <a:lvl6pPr marL="2286114" indent="0">
              <a:buNone/>
              <a:defRPr sz="1600" b="1"/>
            </a:lvl6pPr>
            <a:lvl7pPr marL="2743337" indent="0">
              <a:buNone/>
              <a:defRPr sz="1600" b="1"/>
            </a:lvl7pPr>
            <a:lvl8pPr marL="3200560" indent="0">
              <a:buNone/>
              <a:defRPr sz="1600" b="1"/>
            </a:lvl8pPr>
            <a:lvl9pPr marL="3657783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6" name="İçerik Yer Tutucusu 5">
            <a:extLst>
              <a:ext uri="{FF2B5EF4-FFF2-40B4-BE49-F238E27FC236}">
                <a16:creationId xmlns:a16="http://schemas.microsoft.com/office/drawing/2014/main" id="{5CF4B1DF-F84A-37AF-2FBC-C410B2A76C62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>
            <a:extLst>
              <a:ext uri="{FF2B5EF4-FFF2-40B4-BE49-F238E27FC236}">
                <a16:creationId xmlns:a16="http://schemas.microsoft.com/office/drawing/2014/main" id="{9D5C0BEE-FF1B-B749-C511-2E6E5D51493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8" name="Alt Bilgi Yer Tutucusu 7">
            <a:extLst>
              <a:ext uri="{FF2B5EF4-FFF2-40B4-BE49-F238E27FC236}">
                <a16:creationId xmlns:a16="http://schemas.microsoft.com/office/drawing/2014/main" id="{E12878EB-FC64-76B5-941D-85F26F07BD3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9" name="Slayt Numarası Yer Tutucusu 8">
            <a:extLst>
              <a:ext uri="{FF2B5EF4-FFF2-40B4-BE49-F238E27FC236}">
                <a16:creationId xmlns:a16="http://schemas.microsoft.com/office/drawing/2014/main" id="{352EFDED-886B-C457-8100-12A8BD2F9AD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6917522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49514933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AD8153D6-0ED0-2BC8-5D27-C5B585F0C7C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B90D60BA-EA9C-EA1E-DE9F-60B364DDBEF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FAF241F8-1EFC-B638-C746-B1B176BFF1F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83F4434F-62F1-7436-309B-A7096D4962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87831380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>
            <a:extLst>
              <a:ext uri="{FF2B5EF4-FFF2-40B4-BE49-F238E27FC236}">
                <a16:creationId xmlns:a16="http://schemas.microsoft.com/office/drawing/2014/main" id="{7D78CDEC-AB82-C2D8-CAA5-F8D3DCDE124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3" name="Alt Bilgi Yer Tutucusu 2">
            <a:extLst>
              <a:ext uri="{FF2B5EF4-FFF2-40B4-BE49-F238E27FC236}">
                <a16:creationId xmlns:a16="http://schemas.microsoft.com/office/drawing/2014/main" id="{093D2D47-AF96-11DA-355C-7BA0B2FC053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>
            <a:extLst>
              <a:ext uri="{FF2B5EF4-FFF2-40B4-BE49-F238E27FC236}">
                <a16:creationId xmlns:a16="http://schemas.microsoft.com/office/drawing/2014/main" id="{D7E60ABE-A5FF-987F-808F-FC531D4FBE9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25828780"/>
      </p:ext>
    </p:extLst>
  </p:cSld>
  <p:clrMapOvr>
    <a:masterClrMapping/>
  </p:clrMapOvr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0CAAEBF9-E975-AA48-C6F8-AF7EFC8DCFD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9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09E7EC-0E1B-A58E-915C-D3375A5E0D7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6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6CB04B42-1E3D-0F3A-611E-175DC3AFDF9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9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23" indent="0">
              <a:buNone/>
              <a:defRPr sz="1400"/>
            </a:lvl2pPr>
            <a:lvl3pPr marL="914446" indent="0">
              <a:buNone/>
              <a:defRPr sz="1200"/>
            </a:lvl3pPr>
            <a:lvl4pPr marL="1371669" indent="0">
              <a:buNone/>
              <a:defRPr sz="1000"/>
            </a:lvl4pPr>
            <a:lvl5pPr marL="1828891" indent="0">
              <a:buNone/>
              <a:defRPr sz="1000"/>
            </a:lvl5pPr>
            <a:lvl6pPr marL="2286114" indent="0">
              <a:buNone/>
              <a:defRPr sz="1000"/>
            </a:lvl6pPr>
            <a:lvl7pPr marL="2743337" indent="0">
              <a:buNone/>
              <a:defRPr sz="1000"/>
            </a:lvl7pPr>
            <a:lvl8pPr marL="3200560" indent="0">
              <a:buNone/>
              <a:defRPr sz="1000"/>
            </a:lvl8pPr>
            <a:lvl9pPr marL="3657783" indent="0">
              <a:buNone/>
              <a:defRPr sz="10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839BFEBA-B3BE-8063-D7CA-9846154280F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1F87CA36-BAF2-DB12-05DC-DDABF38AE26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D9719001-CE22-3016-A1A1-6849E35F567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3604028"/>
      </p:ext>
    </p:extLst>
  </p:cSld>
  <p:clrMapOvr>
    <a:masterClrMapping/>
  </p:clrMapOvr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0CB7F70-371C-2739-CA23-BCAC3E602CC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9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Resim Yer Tutucusu 2">
            <a:extLst>
              <a:ext uri="{FF2B5EF4-FFF2-40B4-BE49-F238E27FC236}">
                <a16:creationId xmlns:a16="http://schemas.microsoft.com/office/drawing/2014/main" id="{448B710D-5717-18C4-7E1C-75D20D41AD29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6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23" indent="0">
              <a:buNone/>
              <a:defRPr sz="2800"/>
            </a:lvl2pPr>
            <a:lvl3pPr marL="914446" indent="0">
              <a:buNone/>
              <a:defRPr sz="2400"/>
            </a:lvl3pPr>
            <a:lvl4pPr marL="1371669" indent="0">
              <a:buNone/>
              <a:defRPr sz="2000"/>
            </a:lvl4pPr>
            <a:lvl5pPr marL="1828891" indent="0">
              <a:buNone/>
              <a:defRPr sz="2000"/>
            </a:lvl5pPr>
            <a:lvl6pPr marL="2286114" indent="0">
              <a:buNone/>
              <a:defRPr sz="2000"/>
            </a:lvl6pPr>
            <a:lvl7pPr marL="2743337" indent="0">
              <a:buNone/>
              <a:defRPr sz="2000"/>
            </a:lvl7pPr>
            <a:lvl8pPr marL="3200560" indent="0">
              <a:buNone/>
              <a:defRPr sz="2000"/>
            </a:lvl8pPr>
            <a:lvl9pPr marL="3657783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0D5178FA-61E5-48EB-C829-D66A5B052FD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9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23" indent="0">
              <a:buNone/>
              <a:defRPr sz="1400"/>
            </a:lvl2pPr>
            <a:lvl3pPr marL="914446" indent="0">
              <a:buNone/>
              <a:defRPr sz="1200"/>
            </a:lvl3pPr>
            <a:lvl4pPr marL="1371669" indent="0">
              <a:buNone/>
              <a:defRPr sz="1000"/>
            </a:lvl4pPr>
            <a:lvl5pPr marL="1828891" indent="0">
              <a:buNone/>
              <a:defRPr sz="1000"/>
            </a:lvl5pPr>
            <a:lvl6pPr marL="2286114" indent="0">
              <a:buNone/>
              <a:defRPr sz="1000"/>
            </a:lvl6pPr>
            <a:lvl7pPr marL="2743337" indent="0">
              <a:buNone/>
              <a:defRPr sz="1000"/>
            </a:lvl7pPr>
            <a:lvl8pPr marL="3200560" indent="0">
              <a:buNone/>
              <a:defRPr sz="1000"/>
            </a:lvl8pPr>
            <a:lvl9pPr marL="3657783" indent="0">
              <a:buNone/>
              <a:defRPr sz="10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B7AFFE73-67AB-A999-C09F-E36C6D75D0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3169CEE5-2A9B-3B4C-F6FB-1A55B77A22F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03940B9E-93D2-3285-DEB7-2744F51200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57727063"/>
      </p:ext>
    </p:extLst>
  </p:cSld>
  <p:clrMapOvr>
    <a:masterClrMapping/>
  </p:clrMapOvr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1F466FA6-177A-A4A2-6E16-961206F2274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AD1F7E12-0F60-5F06-6208-0070B257752A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184037A-B381-D17D-1F4E-79CAAA706C3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11A62D0C-37DE-9592-59A6-AC05A74078B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19E7CB84-75B4-5377-D4FE-C5C9E0B048E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5844370"/>
      </p:ext>
    </p:extLst>
  </p:cSld>
  <p:clrMapOvr>
    <a:masterClrMapping/>
  </p:clrMapOvr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>
            <a:extLst>
              <a:ext uri="{FF2B5EF4-FFF2-40B4-BE49-F238E27FC236}">
                <a16:creationId xmlns:a16="http://schemas.microsoft.com/office/drawing/2014/main" id="{8A5AAECC-6764-813E-FF82-40374CEFD17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6"/>
            <a:ext cx="2628900" cy="5811838"/>
          </a:xfrm>
        </p:spPr>
        <p:txBody>
          <a:bodyPr vert="eaVert"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3DB80285-693B-087E-7F91-D5AAA788BB71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6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1891825F-6F1D-027D-ABC5-B5FA4458CE5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37452303-D47B-4C24-4A0F-F4BAC209B7A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836F134A-4E2C-AEA6-9629-852289B885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9126962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Özel Düz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2D828DA1-4DEF-07D9-AF4A-5B6D490004E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0D1A7F32-F828-1800-808A-D324A7088B3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2F337F99-A66C-7764-273D-5278D8DE442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903573E3-C618-D551-EEA1-0C41DAFC332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368338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14157780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91243234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94441067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40305638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13" Type="http://schemas.openxmlformats.org/officeDocument/2006/relationships/slideLayout" Target="../slideLayouts/slideLayout24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slideLayout" Target="../slideLayouts/slideLayout23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Relationship Id="rId14" Type="http://schemas.openxmlformats.org/officeDocument/2006/relationships/theme" Target="../theme/theme2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2.xml"/><Relationship Id="rId13" Type="http://schemas.openxmlformats.org/officeDocument/2006/relationships/slideLayout" Target="../slideLayouts/slideLayout37.xml"/><Relationship Id="rId18" Type="http://schemas.openxmlformats.org/officeDocument/2006/relationships/slideLayout" Target="../slideLayouts/slideLayout42.xml"/><Relationship Id="rId3" Type="http://schemas.openxmlformats.org/officeDocument/2006/relationships/slideLayout" Target="../slideLayouts/slideLayout27.xml"/><Relationship Id="rId7" Type="http://schemas.openxmlformats.org/officeDocument/2006/relationships/slideLayout" Target="../slideLayouts/slideLayout31.xml"/><Relationship Id="rId12" Type="http://schemas.openxmlformats.org/officeDocument/2006/relationships/slideLayout" Target="../slideLayouts/slideLayout36.xml"/><Relationship Id="rId17" Type="http://schemas.openxmlformats.org/officeDocument/2006/relationships/slideLayout" Target="../slideLayouts/slideLayout41.xml"/><Relationship Id="rId2" Type="http://schemas.openxmlformats.org/officeDocument/2006/relationships/slideLayout" Target="../slideLayouts/slideLayout26.xml"/><Relationship Id="rId16" Type="http://schemas.openxmlformats.org/officeDocument/2006/relationships/slideLayout" Target="../slideLayouts/slideLayout40.xml"/><Relationship Id="rId20" Type="http://schemas.openxmlformats.org/officeDocument/2006/relationships/theme" Target="../theme/theme3.xml"/><Relationship Id="rId1" Type="http://schemas.openxmlformats.org/officeDocument/2006/relationships/slideLayout" Target="../slideLayouts/slideLayout25.xml"/><Relationship Id="rId6" Type="http://schemas.openxmlformats.org/officeDocument/2006/relationships/slideLayout" Target="../slideLayouts/slideLayout30.xml"/><Relationship Id="rId11" Type="http://schemas.openxmlformats.org/officeDocument/2006/relationships/slideLayout" Target="../slideLayouts/slideLayout35.xml"/><Relationship Id="rId5" Type="http://schemas.openxmlformats.org/officeDocument/2006/relationships/slideLayout" Target="../slideLayouts/slideLayout29.xml"/><Relationship Id="rId15" Type="http://schemas.openxmlformats.org/officeDocument/2006/relationships/slideLayout" Target="../slideLayouts/slideLayout39.xml"/><Relationship Id="rId10" Type="http://schemas.openxmlformats.org/officeDocument/2006/relationships/slideLayout" Target="../slideLayouts/slideLayout34.xml"/><Relationship Id="rId19" Type="http://schemas.openxmlformats.org/officeDocument/2006/relationships/slideLayout" Target="../slideLayouts/slideLayout43.xml"/><Relationship Id="rId4" Type="http://schemas.openxmlformats.org/officeDocument/2006/relationships/slideLayout" Target="../slideLayouts/slideLayout28.xml"/><Relationship Id="rId9" Type="http://schemas.openxmlformats.org/officeDocument/2006/relationships/slideLayout" Target="../slideLayouts/slideLayout33.xml"/><Relationship Id="rId14" Type="http://schemas.openxmlformats.org/officeDocument/2006/relationships/slideLayout" Target="../slideLayouts/slideLayout38.xml"/></Relationships>
</file>

<file path=ppt/slideMasters/_rels/slideMaster4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51.xml"/><Relationship Id="rId13" Type="http://schemas.openxmlformats.org/officeDocument/2006/relationships/slideLayout" Target="../slideLayouts/slideLayout56.xml"/><Relationship Id="rId3" Type="http://schemas.openxmlformats.org/officeDocument/2006/relationships/slideLayout" Target="../slideLayouts/slideLayout46.xml"/><Relationship Id="rId7" Type="http://schemas.openxmlformats.org/officeDocument/2006/relationships/slideLayout" Target="../slideLayouts/slideLayout50.xml"/><Relationship Id="rId12" Type="http://schemas.openxmlformats.org/officeDocument/2006/relationships/slideLayout" Target="../slideLayouts/slideLayout55.xml"/><Relationship Id="rId2" Type="http://schemas.openxmlformats.org/officeDocument/2006/relationships/slideLayout" Target="../slideLayouts/slideLayout45.xml"/><Relationship Id="rId1" Type="http://schemas.openxmlformats.org/officeDocument/2006/relationships/slideLayout" Target="../slideLayouts/slideLayout44.xml"/><Relationship Id="rId6" Type="http://schemas.openxmlformats.org/officeDocument/2006/relationships/slideLayout" Target="../slideLayouts/slideLayout49.xml"/><Relationship Id="rId11" Type="http://schemas.openxmlformats.org/officeDocument/2006/relationships/slideLayout" Target="../slideLayouts/slideLayout54.xml"/><Relationship Id="rId5" Type="http://schemas.openxmlformats.org/officeDocument/2006/relationships/slideLayout" Target="../slideLayouts/slideLayout48.xml"/><Relationship Id="rId15" Type="http://schemas.openxmlformats.org/officeDocument/2006/relationships/tags" Target="../tags/tag2.xml"/><Relationship Id="rId10" Type="http://schemas.openxmlformats.org/officeDocument/2006/relationships/slideLayout" Target="../slideLayouts/slideLayout53.xml"/><Relationship Id="rId4" Type="http://schemas.openxmlformats.org/officeDocument/2006/relationships/slideLayout" Target="../slideLayouts/slideLayout47.xml"/><Relationship Id="rId9" Type="http://schemas.openxmlformats.org/officeDocument/2006/relationships/slideLayout" Target="../slideLayouts/slideLayout52.xml"/><Relationship Id="rId14" Type="http://schemas.openxmlformats.org/officeDocument/2006/relationships/theme" Target="../theme/theme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5972AA3-EA5F-477F-9C43-587E652628F2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7EC0401-296B-4860-86F8-7A03D25305E4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37357634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77253849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8" r:id="rId7"/>
    <p:sldLayoutId id="2147483669" r:id="rId8"/>
    <p:sldLayoutId id="2147483670" r:id="rId9"/>
    <p:sldLayoutId id="2147483671" r:id="rId10"/>
    <p:sldLayoutId id="2147483672" r:id="rId11"/>
    <p:sldLayoutId id="2147483673" r:id="rId12"/>
    <p:sldLayoutId id="2147483674" r:id="rId13"/>
  </p:sldLayoutIdLst>
  <p:txStyles>
    <p:titleStyle>
      <a:lvl1pPr algn="ctr" defTabSz="1219170" rtl="0" eaLnBrk="1" latinLnBrk="1" hangingPunct="1">
        <a:spcBef>
          <a:spcPct val="0"/>
        </a:spcBef>
        <a:buNone/>
        <a:defRPr sz="5867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457189" indent="-457189" algn="l" defTabSz="1219170" rtl="0" eaLnBrk="1" latinLnBrk="1" hangingPunct="1">
        <a:spcBef>
          <a:spcPct val="20000"/>
        </a:spcBef>
        <a:buFont typeface="Arial" pitchFamily="34" charset="0"/>
        <a:buChar char="•"/>
        <a:defRPr sz="4267" kern="1200">
          <a:solidFill>
            <a:schemeClr val="tx1"/>
          </a:solidFill>
          <a:latin typeface="+mn-lt"/>
          <a:ea typeface="+mn-ea"/>
          <a:cs typeface="+mn-cs"/>
        </a:defRPr>
      </a:lvl1pPr>
      <a:lvl2pPr marL="990575" indent="-380990" algn="l" defTabSz="1219170" rtl="0" eaLnBrk="1" latinLnBrk="1" hangingPunct="1">
        <a:spcBef>
          <a:spcPct val="20000"/>
        </a:spcBef>
        <a:buFont typeface="Arial" pitchFamily="34" charset="0"/>
        <a:buChar char="–"/>
        <a:defRPr sz="3733" kern="1200">
          <a:solidFill>
            <a:schemeClr val="tx1"/>
          </a:solidFill>
          <a:latin typeface="+mn-lt"/>
          <a:ea typeface="+mn-ea"/>
          <a:cs typeface="+mn-cs"/>
        </a:defRPr>
      </a:lvl2pPr>
      <a:lvl3pPr marL="1523962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3pPr>
      <a:lvl4pPr marL="2133547" indent="-304792" algn="l" defTabSz="1219170" rtl="0" eaLnBrk="1" latinLnBrk="1" hangingPunct="1">
        <a:spcBef>
          <a:spcPct val="20000"/>
        </a:spcBef>
        <a:buFont typeface="Arial" pitchFamily="34" charset="0"/>
        <a:buChar char="–"/>
        <a:defRPr sz="2667" kern="1200">
          <a:solidFill>
            <a:schemeClr val="tx1"/>
          </a:solidFill>
          <a:latin typeface="+mn-lt"/>
          <a:ea typeface="+mn-ea"/>
          <a:cs typeface="+mn-cs"/>
        </a:defRPr>
      </a:lvl4pPr>
      <a:lvl5pPr marL="2743131" indent="-304792" algn="l" defTabSz="1219170" rtl="0" eaLnBrk="1" latinLnBrk="1" hangingPunct="1">
        <a:spcBef>
          <a:spcPct val="20000"/>
        </a:spcBef>
        <a:buFont typeface="Arial" pitchFamily="34" charset="0"/>
        <a:buChar char="»"/>
        <a:defRPr sz="2667" kern="1200">
          <a:solidFill>
            <a:schemeClr val="tx1"/>
          </a:solidFill>
          <a:latin typeface="+mn-lt"/>
          <a:ea typeface="+mn-ea"/>
          <a:cs typeface="+mn-cs"/>
        </a:defRPr>
      </a:lvl5pPr>
      <a:lvl6pPr marL="3352716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6pPr>
      <a:lvl7pPr marL="3962301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7pPr>
      <a:lvl8pPr marL="4571886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8pPr>
      <a:lvl9pPr marL="5181470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609585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219170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828754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4pPr>
      <a:lvl5pPr marL="2438339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5pPr>
      <a:lvl6pPr marL="3047924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6pPr>
      <a:lvl7pPr marL="3657509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7pPr>
      <a:lvl8pPr marL="4267093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8pPr>
      <a:lvl9pPr marL="4876678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415600" y="593367"/>
            <a:ext cx="11360800" cy="76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Font typeface="Permanent Marker"/>
              <a:buNone/>
              <a:defRPr sz="28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415600" y="1536633"/>
            <a:ext cx="11360800" cy="4555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29845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Char char="●"/>
              <a:defRPr sz="1100">
                <a:latin typeface="Comfortaa"/>
                <a:ea typeface="Comfortaa"/>
                <a:cs typeface="Comfortaa"/>
                <a:sym typeface="Comfortaa"/>
              </a:defRPr>
            </a:lvl1pPr>
            <a:lvl2pPr marL="914400" lvl="1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○"/>
              <a:defRPr sz="1100">
                <a:latin typeface="Comfortaa"/>
                <a:ea typeface="Comfortaa"/>
                <a:cs typeface="Comfortaa"/>
                <a:sym typeface="Comfortaa"/>
              </a:defRPr>
            </a:lvl2pPr>
            <a:lvl3pPr marL="1371600" lvl="2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■"/>
              <a:defRPr sz="1100">
                <a:latin typeface="Comfortaa"/>
                <a:ea typeface="Comfortaa"/>
                <a:cs typeface="Comfortaa"/>
                <a:sym typeface="Comfortaa"/>
              </a:defRPr>
            </a:lvl3pPr>
            <a:lvl4pPr marL="1828800" lvl="3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●"/>
              <a:defRPr sz="1100">
                <a:latin typeface="Comfortaa"/>
                <a:ea typeface="Comfortaa"/>
                <a:cs typeface="Comfortaa"/>
                <a:sym typeface="Comfortaa"/>
              </a:defRPr>
            </a:lvl4pPr>
            <a:lvl5pPr marL="2286000" lvl="4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○"/>
              <a:defRPr sz="1100">
                <a:latin typeface="Comfortaa"/>
                <a:ea typeface="Comfortaa"/>
                <a:cs typeface="Comfortaa"/>
                <a:sym typeface="Comfortaa"/>
              </a:defRPr>
            </a:lvl5pPr>
            <a:lvl6pPr marL="2743200" lvl="5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■"/>
              <a:defRPr sz="1100">
                <a:latin typeface="Comfortaa"/>
                <a:ea typeface="Comfortaa"/>
                <a:cs typeface="Comfortaa"/>
                <a:sym typeface="Comfortaa"/>
              </a:defRPr>
            </a:lvl6pPr>
            <a:lvl7pPr marL="3200400" lvl="6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●"/>
              <a:defRPr sz="1100">
                <a:latin typeface="Comfortaa"/>
                <a:ea typeface="Comfortaa"/>
                <a:cs typeface="Comfortaa"/>
                <a:sym typeface="Comfortaa"/>
              </a:defRPr>
            </a:lvl7pPr>
            <a:lvl8pPr marL="3657600" lvl="7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○"/>
              <a:defRPr sz="1100">
                <a:latin typeface="Comfortaa"/>
                <a:ea typeface="Comfortaa"/>
                <a:cs typeface="Comfortaa"/>
                <a:sym typeface="Comfortaa"/>
              </a:defRPr>
            </a:lvl8pPr>
            <a:lvl9pPr marL="4114800" lvl="8" indent="-29845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SzPts val="1100"/>
              <a:buFont typeface="Comfortaa"/>
              <a:buChar char="■"/>
              <a:defRPr sz="1100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465241389"/>
      </p:ext>
    </p:extLst>
  </p:cSld>
  <p:clrMap bg1="lt1" tx1="dk1" bg2="dk2" tx2="lt2" accent1="accent1" accent2="accent2" accent3="accent3" accent4="accent4" accent5="accent5" accent6="accent6" hlink="hlink" folHlink="folHlink"/>
  <p:sldLayoutIdLst>
    <p:sldLayoutId id="2147483676" r:id="rId1"/>
    <p:sldLayoutId id="2147483677" r:id="rId2"/>
    <p:sldLayoutId id="2147483678" r:id="rId3"/>
    <p:sldLayoutId id="2147483679" r:id="rId4"/>
    <p:sldLayoutId id="2147483680" r:id="rId5"/>
    <p:sldLayoutId id="2147483681" r:id="rId6"/>
    <p:sldLayoutId id="2147483682" r:id="rId7"/>
    <p:sldLayoutId id="2147483683" r:id="rId8"/>
    <p:sldLayoutId id="2147483684" r:id="rId9"/>
    <p:sldLayoutId id="2147483685" r:id="rId10"/>
    <p:sldLayoutId id="2147483686" r:id="rId11"/>
    <p:sldLayoutId id="2147483687" r:id="rId12"/>
    <p:sldLayoutId id="2147483688" r:id="rId13"/>
    <p:sldLayoutId id="2147483689" r:id="rId14"/>
    <p:sldLayoutId id="2147483690" r:id="rId15"/>
    <p:sldLayoutId id="2147483691" r:id="rId16"/>
    <p:sldLayoutId id="2147483692" r:id="rId17"/>
    <p:sldLayoutId id="2147483693" r:id="rId18"/>
    <p:sldLayoutId id="2147483694" r:id="rId19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Masters/slideMaster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>
            <a:extLst>
              <a:ext uri="{FF2B5EF4-FFF2-40B4-BE49-F238E27FC236}">
                <a16:creationId xmlns:a16="http://schemas.microsoft.com/office/drawing/2014/main" id="{E994CDD3-C997-C973-48F0-08B5D41B41B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6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B7132338-A799-F0B9-CACC-F45E31FFC34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6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21D3CDCD-FB71-3818-5C55-09265504289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C5FAE0E-20B2-4F82-9F6A-53ADAE0ACEC0}" type="datetimeFigureOut">
              <a:rPr lang="tr-TR" smtClean="0"/>
              <a:t>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D7CD472F-C728-690D-A094-1EA7578B2C7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1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C9E9DF77-40D0-5D86-78CE-A3CE10EBECD8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5"/>
    </p:custDataLst>
    <p:extLst>
      <p:ext uri="{BB962C8B-B14F-4D97-AF65-F5344CB8AC3E}">
        <p14:creationId xmlns:p14="http://schemas.microsoft.com/office/powerpoint/2010/main" val="33530330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96" r:id="rId1"/>
    <p:sldLayoutId id="2147483697" r:id="rId2"/>
    <p:sldLayoutId id="2147483698" r:id="rId3"/>
    <p:sldLayoutId id="2147483699" r:id="rId4"/>
    <p:sldLayoutId id="2147483700" r:id="rId5"/>
    <p:sldLayoutId id="2147483701" r:id="rId6"/>
    <p:sldLayoutId id="2147483702" r:id="rId7"/>
    <p:sldLayoutId id="2147483703" r:id="rId8"/>
    <p:sldLayoutId id="2147483704" r:id="rId9"/>
    <p:sldLayoutId id="2147483705" r:id="rId10"/>
    <p:sldLayoutId id="2147483706" r:id="rId11"/>
    <p:sldLayoutId id="2147483707" r:id="rId12"/>
    <p:sldLayoutId id="2147483708" r:id="rId13"/>
  </p:sldLayoutIdLst>
  <p:txStyles>
    <p:titleStyle>
      <a:lvl1pPr algn="l" defTabSz="914446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11" indent="-228611" algn="l" defTabSz="914446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34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57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80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503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726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949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171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394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23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46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69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91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114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337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560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783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6" Type="http://schemas.openxmlformats.org/officeDocument/2006/relationships/image" Target="../media/image5.jpeg"/><Relationship Id="rId5" Type="http://schemas.microsoft.com/office/2007/relationships/hdphoto" Target="../media/hdphoto1.wdp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42.xml"/><Relationship Id="rId1" Type="http://schemas.openxmlformats.org/officeDocument/2006/relationships/tags" Target="../tags/tag55.xml"/><Relationship Id="rId5" Type="http://schemas.openxmlformats.org/officeDocument/2006/relationships/hyperlink" Target="https://wordwall.net/play/4300/357/890" TargetMode="External"/><Relationship Id="rId4" Type="http://schemas.openxmlformats.org/officeDocument/2006/relationships/image" Target="../media/image10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3.svg"/><Relationship Id="rId13" Type="http://schemas.openxmlformats.org/officeDocument/2006/relationships/image" Target="../media/image17.svg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12.png"/><Relationship Id="rId12" Type="http://schemas.openxmlformats.org/officeDocument/2006/relationships/image" Target="../media/image16.png"/><Relationship Id="rId2" Type="http://schemas.openxmlformats.org/officeDocument/2006/relationships/slideLayout" Target="../slideLayouts/slideLayout51.xml"/><Relationship Id="rId1" Type="http://schemas.openxmlformats.org/officeDocument/2006/relationships/tags" Target="../tags/tag56.xml"/><Relationship Id="rId6" Type="http://schemas.openxmlformats.org/officeDocument/2006/relationships/hyperlink" Target="https://t.me/joinchat/QrR0NEiT70UPac8ZvS8MDA" TargetMode="External"/><Relationship Id="rId11" Type="http://schemas.openxmlformats.org/officeDocument/2006/relationships/hyperlink" Target="https://www.dindersimateryal.com/" TargetMode="External"/><Relationship Id="rId5" Type="http://schemas.openxmlformats.org/officeDocument/2006/relationships/hyperlink" Target="https://www.instagram.com/mustafa_yildirim129/" TargetMode="External"/><Relationship Id="rId10" Type="http://schemas.openxmlformats.org/officeDocument/2006/relationships/image" Target="../media/image15.svg"/><Relationship Id="rId4" Type="http://schemas.openxmlformats.org/officeDocument/2006/relationships/image" Target="../media/image11.png"/><Relationship Id="rId9" Type="http://schemas.openxmlformats.org/officeDocument/2006/relationships/image" Target="../media/image14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6" Type="http://schemas.openxmlformats.org/officeDocument/2006/relationships/image" Target="../media/image9.png"/><Relationship Id="rId5" Type="http://schemas.openxmlformats.org/officeDocument/2006/relationships/image" Target="../media/image8.emf"/><Relationship Id="rId4" Type="http://schemas.openxmlformats.org/officeDocument/2006/relationships/audio" Target="../media/audio1.wav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tags" Target="../tags/tag26.xml"/><Relationship Id="rId13" Type="http://schemas.openxmlformats.org/officeDocument/2006/relationships/notesSlide" Target="../notesSlides/notesSlide4.xml"/><Relationship Id="rId3" Type="http://schemas.openxmlformats.org/officeDocument/2006/relationships/tags" Target="../tags/tag21.xml"/><Relationship Id="rId7" Type="http://schemas.openxmlformats.org/officeDocument/2006/relationships/tags" Target="../tags/tag25.xml"/><Relationship Id="rId12" Type="http://schemas.openxmlformats.org/officeDocument/2006/relationships/slideLayout" Target="../slideLayouts/slideLayout2.xml"/><Relationship Id="rId2" Type="http://schemas.openxmlformats.org/officeDocument/2006/relationships/tags" Target="../tags/tag20.xml"/><Relationship Id="rId1" Type="http://schemas.openxmlformats.org/officeDocument/2006/relationships/tags" Target="../tags/tag19.xml"/><Relationship Id="rId6" Type="http://schemas.openxmlformats.org/officeDocument/2006/relationships/tags" Target="../tags/tag24.xml"/><Relationship Id="rId11" Type="http://schemas.openxmlformats.org/officeDocument/2006/relationships/tags" Target="../tags/tag29.xml"/><Relationship Id="rId5" Type="http://schemas.openxmlformats.org/officeDocument/2006/relationships/tags" Target="../tags/tag23.xml"/><Relationship Id="rId15" Type="http://schemas.openxmlformats.org/officeDocument/2006/relationships/audio" Target="../media/audio3.wav"/><Relationship Id="rId10" Type="http://schemas.openxmlformats.org/officeDocument/2006/relationships/tags" Target="../tags/tag28.xml"/><Relationship Id="rId4" Type="http://schemas.openxmlformats.org/officeDocument/2006/relationships/tags" Target="../tags/tag22.xml"/><Relationship Id="rId9" Type="http://schemas.openxmlformats.org/officeDocument/2006/relationships/tags" Target="../tags/tag27.xml"/><Relationship Id="rId14" Type="http://schemas.openxmlformats.org/officeDocument/2006/relationships/audio" Target="../media/audio2.wav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tags" Target="../tags/tag37.xml"/><Relationship Id="rId13" Type="http://schemas.openxmlformats.org/officeDocument/2006/relationships/notesSlide" Target="../notesSlides/notesSlide5.xml"/><Relationship Id="rId3" Type="http://schemas.openxmlformats.org/officeDocument/2006/relationships/tags" Target="../tags/tag32.xml"/><Relationship Id="rId7" Type="http://schemas.openxmlformats.org/officeDocument/2006/relationships/tags" Target="../tags/tag36.xml"/><Relationship Id="rId12" Type="http://schemas.openxmlformats.org/officeDocument/2006/relationships/slideLayout" Target="../slideLayouts/slideLayout2.xml"/><Relationship Id="rId2" Type="http://schemas.openxmlformats.org/officeDocument/2006/relationships/tags" Target="../tags/tag31.xml"/><Relationship Id="rId1" Type="http://schemas.openxmlformats.org/officeDocument/2006/relationships/tags" Target="../tags/tag30.xml"/><Relationship Id="rId6" Type="http://schemas.openxmlformats.org/officeDocument/2006/relationships/tags" Target="../tags/tag35.xml"/><Relationship Id="rId11" Type="http://schemas.openxmlformats.org/officeDocument/2006/relationships/tags" Target="../tags/tag40.xml"/><Relationship Id="rId5" Type="http://schemas.openxmlformats.org/officeDocument/2006/relationships/tags" Target="../tags/tag34.xml"/><Relationship Id="rId15" Type="http://schemas.openxmlformats.org/officeDocument/2006/relationships/audio" Target="../media/audio3.wav"/><Relationship Id="rId10" Type="http://schemas.openxmlformats.org/officeDocument/2006/relationships/tags" Target="../tags/tag39.xml"/><Relationship Id="rId4" Type="http://schemas.openxmlformats.org/officeDocument/2006/relationships/tags" Target="../tags/tag33.xml"/><Relationship Id="rId9" Type="http://schemas.openxmlformats.org/officeDocument/2006/relationships/tags" Target="../tags/tag38.xml"/><Relationship Id="rId14" Type="http://schemas.openxmlformats.org/officeDocument/2006/relationships/audio" Target="../media/audio2.wav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41.xml"/><Relationship Id="rId4" Type="http://schemas.openxmlformats.org/officeDocument/2006/relationships/audio" Target="../media/audio2.wav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tags" Target="../tags/tag49.xml"/><Relationship Id="rId13" Type="http://schemas.openxmlformats.org/officeDocument/2006/relationships/notesSlide" Target="../notesSlides/notesSlide7.xml"/><Relationship Id="rId3" Type="http://schemas.openxmlformats.org/officeDocument/2006/relationships/tags" Target="../tags/tag44.xml"/><Relationship Id="rId7" Type="http://schemas.openxmlformats.org/officeDocument/2006/relationships/tags" Target="../tags/tag48.xml"/><Relationship Id="rId12" Type="http://schemas.openxmlformats.org/officeDocument/2006/relationships/slideLayout" Target="../slideLayouts/slideLayout2.xml"/><Relationship Id="rId2" Type="http://schemas.openxmlformats.org/officeDocument/2006/relationships/tags" Target="../tags/tag43.xml"/><Relationship Id="rId1" Type="http://schemas.openxmlformats.org/officeDocument/2006/relationships/tags" Target="../tags/tag42.xml"/><Relationship Id="rId6" Type="http://schemas.openxmlformats.org/officeDocument/2006/relationships/tags" Target="../tags/tag47.xml"/><Relationship Id="rId11" Type="http://schemas.openxmlformats.org/officeDocument/2006/relationships/tags" Target="../tags/tag52.xml"/><Relationship Id="rId5" Type="http://schemas.openxmlformats.org/officeDocument/2006/relationships/tags" Target="../tags/tag46.xml"/><Relationship Id="rId15" Type="http://schemas.openxmlformats.org/officeDocument/2006/relationships/audio" Target="../media/audio3.wav"/><Relationship Id="rId10" Type="http://schemas.openxmlformats.org/officeDocument/2006/relationships/tags" Target="../tags/tag51.xml"/><Relationship Id="rId4" Type="http://schemas.openxmlformats.org/officeDocument/2006/relationships/tags" Target="../tags/tag45.xml"/><Relationship Id="rId9" Type="http://schemas.openxmlformats.org/officeDocument/2006/relationships/tags" Target="../tags/tag50.xml"/><Relationship Id="rId14" Type="http://schemas.openxmlformats.org/officeDocument/2006/relationships/audio" Target="../media/audio2.wav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42.xml"/><Relationship Id="rId1" Type="http://schemas.openxmlformats.org/officeDocument/2006/relationships/tags" Target="../tags/tag53.xml"/><Relationship Id="rId5" Type="http://schemas.openxmlformats.org/officeDocument/2006/relationships/hyperlink" Target="https://wordwall.net/play/4300/291/6850" TargetMode="External"/><Relationship Id="rId4" Type="http://schemas.openxmlformats.org/officeDocument/2006/relationships/image" Target="../media/image10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5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Serbest Form 12"/>
          <p:cNvSpPr/>
          <p:nvPr/>
        </p:nvSpPr>
        <p:spPr>
          <a:xfrm>
            <a:off x="284814" y="179882"/>
            <a:ext cx="700140" cy="1019332"/>
          </a:xfrm>
          <a:custGeom>
            <a:avLst/>
            <a:gdLst>
              <a:gd name="connsiteX0" fmla="*/ 505918 w 700141"/>
              <a:gd name="connsiteY0" fmla="*/ 0 h 974362"/>
              <a:gd name="connsiteX1" fmla="*/ 607878 w 700141"/>
              <a:gd name="connsiteY1" fmla="*/ 9898 h 974362"/>
              <a:gd name="connsiteX2" fmla="*/ 700131 w 700141"/>
              <a:gd name="connsiteY2" fmla="*/ 37474 h 974362"/>
              <a:gd name="connsiteX3" fmla="*/ 655619 w 700141"/>
              <a:gd name="connsiteY3" fmla="*/ 37474 h 974362"/>
              <a:gd name="connsiteX4" fmla="*/ 655619 w 700141"/>
              <a:gd name="connsiteY4" fmla="*/ 936885 h 974362"/>
              <a:gd name="connsiteX5" fmla="*/ 700141 w 700141"/>
              <a:gd name="connsiteY5" fmla="*/ 936885 h 974362"/>
              <a:gd name="connsiteX6" fmla="*/ 607878 w 700141"/>
              <a:gd name="connsiteY6" fmla="*/ 964464 h 974362"/>
              <a:gd name="connsiteX7" fmla="*/ 505918 w 700141"/>
              <a:gd name="connsiteY7" fmla="*/ 974362 h 974362"/>
              <a:gd name="connsiteX8" fmla="*/ 0 w 700141"/>
              <a:gd name="connsiteY8" fmla="*/ 487181 h 974362"/>
              <a:gd name="connsiteX9" fmla="*/ 505918 w 700141"/>
              <a:gd name="connsiteY9" fmla="*/ 0 h 97436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</a:cxnLst>
            <a:rect l="l" t="t" r="r" b="b"/>
            <a:pathLst>
              <a:path w="700141" h="974362">
                <a:moveTo>
                  <a:pt x="505918" y="0"/>
                </a:moveTo>
                <a:cubicBezTo>
                  <a:pt x="540845" y="0"/>
                  <a:pt x="574944" y="3408"/>
                  <a:pt x="607878" y="9898"/>
                </a:cubicBezTo>
                <a:lnTo>
                  <a:pt x="700131" y="37474"/>
                </a:lnTo>
                <a:lnTo>
                  <a:pt x="655619" y="37474"/>
                </a:lnTo>
                <a:lnTo>
                  <a:pt x="655619" y="936885"/>
                </a:lnTo>
                <a:lnTo>
                  <a:pt x="700141" y="936885"/>
                </a:lnTo>
                <a:lnTo>
                  <a:pt x="607878" y="964464"/>
                </a:lnTo>
                <a:cubicBezTo>
                  <a:pt x="574944" y="970954"/>
                  <a:pt x="540845" y="974362"/>
                  <a:pt x="505918" y="974362"/>
                </a:cubicBezTo>
                <a:cubicBezTo>
                  <a:pt x="226507" y="974362"/>
                  <a:pt x="0" y="756244"/>
                  <a:pt x="0" y="487181"/>
                </a:cubicBezTo>
                <a:cubicBezTo>
                  <a:pt x="0" y="218118"/>
                  <a:pt x="226507" y="0"/>
                  <a:pt x="505918" y="0"/>
                </a:cubicBezTo>
                <a:close/>
              </a:path>
            </a:pathLst>
          </a:custGeom>
          <a:solidFill>
            <a:srgbClr val="FF006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6000" dirty="0"/>
              <a:t>3</a:t>
            </a:r>
          </a:p>
        </p:txBody>
      </p:sp>
      <p:sp>
        <p:nvSpPr>
          <p:cNvPr id="14" name="Dikdörtgen 13"/>
          <p:cNvSpPr/>
          <p:nvPr/>
        </p:nvSpPr>
        <p:spPr>
          <a:xfrm>
            <a:off x="984954" y="273571"/>
            <a:ext cx="10962207" cy="831954"/>
          </a:xfrm>
          <a:prstGeom prst="rect">
            <a:avLst/>
          </a:prstGeom>
          <a:gradFill flip="none" rotWithShape="1">
            <a:gsLst>
              <a:gs pos="0">
                <a:srgbClr val="FF7979"/>
              </a:gs>
              <a:gs pos="100000">
                <a:srgbClr val="FF5050"/>
              </a:gs>
            </a:gsLst>
            <a:lin ang="5400000" scaled="1"/>
            <a:tileRect/>
          </a:gradFill>
          <a:ln>
            <a:noFill/>
          </a:ln>
          <a:effectLst>
            <a:outerShdw blurRad="50800" dist="38100" dir="5400000" algn="t" rotWithShape="0">
              <a:srgbClr val="FF7979">
                <a:alpha val="31000"/>
              </a:srgb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000" dirty="0"/>
              <a:t>Bir Dua Tanıyorum: </a:t>
            </a:r>
            <a:r>
              <a:rPr lang="tr-TR" sz="4000" dirty="0" err="1"/>
              <a:t>Sübhaneke</a:t>
            </a:r>
            <a:r>
              <a:rPr lang="tr-TR" sz="4000" dirty="0"/>
              <a:t> Duası ve Anlamı</a:t>
            </a:r>
            <a:endParaRPr lang="en-IN" sz="7200" spc="300" dirty="0">
              <a:solidFill>
                <a:schemeClr val="bg1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</p:txBody>
      </p:sp>
      <p:sp>
        <p:nvSpPr>
          <p:cNvPr id="4" name="Çentikli Sağ Ok 3"/>
          <p:cNvSpPr/>
          <p:nvPr/>
        </p:nvSpPr>
        <p:spPr>
          <a:xfrm flipH="1">
            <a:off x="6096000" y="1600199"/>
            <a:ext cx="6025075" cy="3657601"/>
          </a:xfrm>
          <a:prstGeom prst="notchedRightArrow">
            <a:avLst>
              <a:gd name="adj1" fmla="val 29583"/>
              <a:gd name="adj2" fmla="val 46447"/>
            </a:avLst>
          </a:prstGeom>
          <a:solidFill>
            <a:srgbClr val="F7623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b="1" dirty="0"/>
              <a:t>İlk öğrendiğiniz dualar hangileridir?</a:t>
            </a:r>
            <a:endParaRPr lang="tr-TR" sz="5400" dirty="0"/>
          </a:p>
        </p:txBody>
      </p:sp>
      <p:pic>
        <p:nvPicPr>
          <p:cNvPr id="1026" name="Picture 2" descr="Ä°lgili resim"/>
          <p:cNvPicPr>
            <a:picLocks noChangeAspect="1" noChangeArrowheads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0" b="98066" l="0" r="99457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147484" y="1442101"/>
            <a:ext cx="6503010" cy="45680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6" name="Picture 2" descr="islamic kids ile ilgili gÃ¶rsel sonucu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89184" y="4079346"/>
            <a:ext cx="3116741" cy="2778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Yuvarlatılmış Dikdörtgen 4"/>
          <p:cNvSpPr/>
          <p:nvPr/>
        </p:nvSpPr>
        <p:spPr>
          <a:xfrm>
            <a:off x="6166004" y="2669978"/>
            <a:ext cx="6022520" cy="1325973"/>
          </a:xfrm>
          <a:prstGeom prst="roundRect">
            <a:avLst/>
          </a:prstGeom>
          <a:solidFill>
            <a:schemeClr val="accent2">
              <a:lumMod val="60000"/>
              <a:lumOff val="4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 err="1">
                <a:solidFill>
                  <a:schemeClr val="tx1"/>
                </a:solidFill>
              </a:rPr>
              <a:t>Sübhaneke</a:t>
            </a:r>
            <a:r>
              <a:rPr lang="tr-TR" sz="3600" dirty="0">
                <a:solidFill>
                  <a:schemeClr val="tx1"/>
                </a:solidFill>
              </a:rPr>
              <a:t> duası hakkında neler biliyorsunuz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9690956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6" presetClass="entr" presetSubtype="2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11" dur="5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xit" presetSubtype="4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down)">
                                      <p:cBhvr>
                                        <p:cTn id="1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4" grpId="1" animBg="1"/>
      <p:bldP spid="5" grpId="0" animBg="1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oogle Shape;2282;p54"/>
          <p:cNvGrpSpPr/>
          <p:nvPr/>
        </p:nvGrpSpPr>
        <p:grpSpPr>
          <a:xfrm>
            <a:off x="5197396" y="1289616"/>
            <a:ext cx="6404053" cy="4634934"/>
            <a:chOff x="3578510" y="1419647"/>
            <a:chExt cx="4021500" cy="3062887"/>
          </a:xfrm>
        </p:grpSpPr>
        <p:sp>
          <p:nvSpPr>
            <p:cNvPr id="3" name="Google Shape;2283;p54"/>
            <p:cNvSpPr/>
            <p:nvPr/>
          </p:nvSpPr>
          <p:spPr>
            <a:xfrm>
              <a:off x="3716658" y="1548119"/>
              <a:ext cx="3748500" cy="228570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" name="Google Shape;2284;p54"/>
            <p:cNvSpPr/>
            <p:nvPr/>
          </p:nvSpPr>
          <p:spPr>
            <a:xfrm>
              <a:off x="3578510" y="1419647"/>
              <a:ext cx="4021500" cy="2544300"/>
            </a:xfrm>
            <a:prstGeom prst="roundRect">
              <a:avLst>
                <a:gd name="adj" fmla="val 3857"/>
              </a:avLst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5" name="Google Shape;2285;p54"/>
            <p:cNvSpPr/>
            <p:nvPr/>
          </p:nvSpPr>
          <p:spPr>
            <a:xfrm>
              <a:off x="4900908" y="3963886"/>
              <a:ext cx="1373274" cy="518648"/>
            </a:xfrm>
            <a:custGeom>
              <a:avLst/>
              <a:gdLst/>
              <a:ahLst/>
              <a:cxnLst/>
              <a:rect l="l" t="t" r="r" b="b"/>
              <a:pathLst>
                <a:path w="65999" h="24926" extrusionOk="0">
                  <a:moveTo>
                    <a:pt x="13372" y="0"/>
                  </a:moveTo>
                  <a:cubicBezTo>
                    <a:pt x="13051" y="1881"/>
                    <a:pt x="12653" y="8225"/>
                    <a:pt x="11445" y="11283"/>
                  </a:cubicBezTo>
                  <a:cubicBezTo>
                    <a:pt x="10237" y="14341"/>
                    <a:pt x="7883" y="16511"/>
                    <a:pt x="6125" y="18346"/>
                  </a:cubicBezTo>
                  <a:cubicBezTo>
                    <a:pt x="4367" y="20181"/>
                    <a:pt x="1875" y="21297"/>
                    <a:pt x="896" y="22291"/>
                  </a:cubicBezTo>
                  <a:cubicBezTo>
                    <a:pt x="-82" y="23285"/>
                    <a:pt x="-174" y="23896"/>
                    <a:pt x="254" y="24309"/>
                  </a:cubicBezTo>
                  <a:cubicBezTo>
                    <a:pt x="682" y="24722"/>
                    <a:pt x="805" y="24692"/>
                    <a:pt x="3465" y="24768"/>
                  </a:cubicBezTo>
                  <a:cubicBezTo>
                    <a:pt x="6125" y="24845"/>
                    <a:pt x="10925" y="24768"/>
                    <a:pt x="16215" y="24768"/>
                  </a:cubicBezTo>
                  <a:cubicBezTo>
                    <a:pt x="21505" y="24768"/>
                    <a:pt x="28630" y="24768"/>
                    <a:pt x="35204" y="24768"/>
                  </a:cubicBezTo>
                  <a:cubicBezTo>
                    <a:pt x="41778" y="24768"/>
                    <a:pt x="50783" y="24768"/>
                    <a:pt x="55660" y="24768"/>
                  </a:cubicBezTo>
                  <a:cubicBezTo>
                    <a:pt x="60537" y="24768"/>
                    <a:pt x="62754" y="25104"/>
                    <a:pt x="64466" y="24768"/>
                  </a:cubicBezTo>
                  <a:cubicBezTo>
                    <a:pt x="66178" y="24432"/>
                    <a:pt x="66056" y="23346"/>
                    <a:pt x="65934" y="22750"/>
                  </a:cubicBezTo>
                  <a:cubicBezTo>
                    <a:pt x="65812" y="22154"/>
                    <a:pt x="65353" y="22765"/>
                    <a:pt x="63732" y="21190"/>
                  </a:cubicBezTo>
                  <a:cubicBezTo>
                    <a:pt x="62111" y="19615"/>
                    <a:pt x="57999" y="16512"/>
                    <a:pt x="56210" y="13301"/>
                  </a:cubicBezTo>
                  <a:cubicBezTo>
                    <a:pt x="54421" y="10091"/>
                    <a:pt x="53505" y="4083"/>
                    <a:pt x="53000" y="1927"/>
                  </a:cubicBezTo>
                  <a:cubicBezTo>
                    <a:pt x="52496" y="-229"/>
                    <a:pt x="53153" y="627"/>
                    <a:pt x="53183" y="367"/>
                  </a:cubicBezTo>
                </a:path>
              </a:pathLst>
            </a:cu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  <p:txBody>
            <a:bodyPr/>
            <a:lstStyle/>
            <a:p>
              <a:endParaRPr lang="tr-TR"/>
            </a:p>
          </p:txBody>
        </p:sp>
        <p:cxnSp>
          <p:nvCxnSpPr>
            <p:cNvPr id="6" name="Google Shape;2286;p54"/>
            <p:cNvCxnSpPr/>
            <p:nvPr/>
          </p:nvCxnSpPr>
          <p:spPr>
            <a:xfrm>
              <a:off x="4915750" y="4433452"/>
              <a:ext cx="1353300" cy="0"/>
            </a:xfrm>
            <a:prstGeom prst="straightConnector1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grpSp>
        <p:nvGrpSpPr>
          <p:cNvPr id="8" name="Google Shape;2299;p54"/>
          <p:cNvGrpSpPr/>
          <p:nvPr/>
        </p:nvGrpSpPr>
        <p:grpSpPr>
          <a:xfrm>
            <a:off x="7086600" y="6095160"/>
            <a:ext cx="2358113" cy="362790"/>
            <a:chOff x="1816609" y="3851001"/>
            <a:chExt cx="1093674" cy="222193"/>
          </a:xfrm>
        </p:grpSpPr>
        <p:sp>
          <p:nvSpPr>
            <p:cNvPr id="9" name="Google Shape;2300;p54"/>
            <p:cNvSpPr/>
            <p:nvPr/>
          </p:nvSpPr>
          <p:spPr>
            <a:xfrm>
              <a:off x="1816609" y="3851001"/>
              <a:ext cx="1093674" cy="222193"/>
            </a:xfrm>
            <a:custGeom>
              <a:avLst/>
              <a:gdLst/>
              <a:ahLst/>
              <a:cxnLst/>
              <a:rect l="l" t="t" r="r" b="b"/>
              <a:pathLst>
                <a:path w="38900" h="7903" extrusionOk="0">
                  <a:moveTo>
                    <a:pt x="32154" y="852"/>
                  </a:moveTo>
                  <a:cubicBezTo>
                    <a:pt x="32029" y="852"/>
                    <a:pt x="31911" y="870"/>
                    <a:pt x="31815" y="910"/>
                  </a:cubicBezTo>
                  <a:cubicBezTo>
                    <a:pt x="30934" y="1259"/>
                    <a:pt x="30057" y="1619"/>
                    <a:pt x="29183" y="1986"/>
                  </a:cubicBezTo>
                  <a:cubicBezTo>
                    <a:pt x="30289" y="1683"/>
                    <a:pt x="31405" y="1423"/>
                    <a:pt x="32535" y="1209"/>
                  </a:cubicBezTo>
                  <a:cubicBezTo>
                    <a:pt x="32581" y="1198"/>
                    <a:pt x="32635" y="1195"/>
                    <a:pt x="32688" y="1195"/>
                  </a:cubicBezTo>
                  <a:cubicBezTo>
                    <a:pt x="32853" y="1195"/>
                    <a:pt x="33041" y="1234"/>
                    <a:pt x="33223" y="1298"/>
                  </a:cubicBezTo>
                  <a:cubicBezTo>
                    <a:pt x="32998" y="1017"/>
                    <a:pt x="32532" y="852"/>
                    <a:pt x="32154" y="852"/>
                  </a:cubicBezTo>
                  <a:close/>
                  <a:moveTo>
                    <a:pt x="36026" y="1808"/>
                  </a:moveTo>
                  <a:cubicBezTo>
                    <a:pt x="35323" y="1808"/>
                    <a:pt x="34635" y="1886"/>
                    <a:pt x="33969" y="2036"/>
                  </a:cubicBezTo>
                  <a:cubicBezTo>
                    <a:pt x="33969" y="2172"/>
                    <a:pt x="33908" y="2318"/>
                    <a:pt x="33758" y="2464"/>
                  </a:cubicBezTo>
                  <a:cubicBezTo>
                    <a:pt x="33648" y="2575"/>
                    <a:pt x="33541" y="2689"/>
                    <a:pt x="33441" y="2803"/>
                  </a:cubicBezTo>
                  <a:cubicBezTo>
                    <a:pt x="33530" y="2781"/>
                    <a:pt x="33619" y="2775"/>
                    <a:pt x="33712" y="2775"/>
                  </a:cubicBezTo>
                  <a:cubicBezTo>
                    <a:pt x="34364" y="2775"/>
                    <a:pt x="35031" y="3256"/>
                    <a:pt x="35052" y="3695"/>
                  </a:cubicBezTo>
                  <a:cubicBezTo>
                    <a:pt x="35341" y="3655"/>
                    <a:pt x="35634" y="3637"/>
                    <a:pt x="35926" y="3637"/>
                  </a:cubicBezTo>
                  <a:cubicBezTo>
                    <a:pt x="36290" y="3637"/>
                    <a:pt x="36657" y="3666"/>
                    <a:pt x="37028" y="3723"/>
                  </a:cubicBezTo>
                  <a:cubicBezTo>
                    <a:pt x="37099" y="3734"/>
                    <a:pt x="37170" y="3737"/>
                    <a:pt x="37234" y="3737"/>
                  </a:cubicBezTo>
                  <a:cubicBezTo>
                    <a:pt x="38415" y="3737"/>
                    <a:pt x="38900" y="2136"/>
                    <a:pt x="37502" y="1922"/>
                  </a:cubicBezTo>
                  <a:cubicBezTo>
                    <a:pt x="37007" y="1843"/>
                    <a:pt x="36511" y="1808"/>
                    <a:pt x="36026" y="1808"/>
                  </a:cubicBezTo>
                  <a:close/>
                  <a:moveTo>
                    <a:pt x="6480" y="3645"/>
                  </a:moveTo>
                  <a:lnTo>
                    <a:pt x="6480" y="3645"/>
                  </a:lnTo>
                  <a:cubicBezTo>
                    <a:pt x="6466" y="3652"/>
                    <a:pt x="6455" y="3655"/>
                    <a:pt x="6441" y="3659"/>
                  </a:cubicBezTo>
                  <a:cubicBezTo>
                    <a:pt x="6412" y="3723"/>
                    <a:pt x="6383" y="3787"/>
                    <a:pt x="6359" y="3851"/>
                  </a:cubicBezTo>
                  <a:cubicBezTo>
                    <a:pt x="6398" y="3784"/>
                    <a:pt x="6437" y="3713"/>
                    <a:pt x="6480" y="3645"/>
                  </a:cubicBezTo>
                  <a:close/>
                  <a:moveTo>
                    <a:pt x="21010" y="0"/>
                  </a:moveTo>
                  <a:cubicBezTo>
                    <a:pt x="20879" y="0"/>
                    <a:pt x="20747" y="18"/>
                    <a:pt x="20622" y="64"/>
                  </a:cubicBezTo>
                  <a:cubicBezTo>
                    <a:pt x="18436" y="831"/>
                    <a:pt x="16353" y="1801"/>
                    <a:pt x="14389" y="2977"/>
                  </a:cubicBezTo>
                  <a:cubicBezTo>
                    <a:pt x="14735" y="2475"/>
                    <a:pt x="15102" y="1990"/>
                    <a:pt x="15491" y="1512"/>
                  </a:cubicBezTo>
                  <a:cubicBezTo>
                    <a:pt x="16118" y="746"/>
                    <a:pt x="15117" y="289"/>
                    <a:pt x="14353" y="289"/>
                  </a:cubicBezTo>
                  <a:cubicBezTo>
                    <a:pt x="14154" y="289"/>
                    <a:pt x="13972" y="318"/>
                    <a:pt x="13836" y="385"/>
                  </a:cubicBezTo>
                  <a:cubicBezTo>
                    <a:pt x="12110" y="1244"/>
                    <a:pt x="10484" y="2261"/>
                    <a:pt x="8969" y="3431"/>
                  </a:cubicBezTo>
                  <a:cubicBezTo>
                    <a:pt x="9272" y="2842"/>
                    <a:pt x="9614" y="2268"/>
                    <a:pt x="9996" y="1708"/>
                  </a:cubicBezTo>
                  <a:cubicBezTo>
                    <a:pt x="10542" y="906"/>
                    <a:pt x="9646" y="471"/>
                    <a:pt x="8905" y="471"/>
                  </a:cubicBezTo>
                  <a:cubicBezTo>
                    <a:pt x="8694" y="471"/>
                    <a:pt x="8491" y="507"/>
                    <a:pt x="8341" y="581"/>
                  </a:cubicBezTo>
                  <a:cubicBezTo>
                    <a:pt x="5938" y="1741"/>
                    <a:pt x="3534" y="2903"/>
                    <a:pt x="1131" y="4062"/>
                  </a:cubicBezTo>
                  <a:cubicBezTo>
                    <a:pt x="1" y="4608"/>
                    <a:pt x="893" y="5670"/>
                    <a:pt x="1862" y="5670"/>
                  </a:cubicBezTo>
                  <a:cubicBezTo>
                    <a:pt x="2045" y="5670"/>
                    <a:pt x="2226" y="5635"/>
                    <a:pt x="2401" y="5549"/>
                  </a:cubicBezTo>
                  <a:cubicBezTo>
                    <a:pt x="3546" y="4996"/>
                    <a:pt x="4690" y="4443"/>
                    <a:pt x="5835" y="3891"/>
                  </a:cubicBezTo>
                  <a:lnTo>
                    <a:pt x="5835" y="3891"/>
                  </a:lnTo>
                  <a:cubicBezTo>
                    <a:pt x="5392" y="4055"/>
                    <a:pt x="4947" y="4211"/>
                    <a:pt x="4501" y="4361"/>
                  </a:cubicBezTo>
                  <a:cubicBezTo>
                    <a:pt x="4248" y="4447"/>
                    <a:pt x="3944" y="4508"/>
                    <a:pt x="3649" y="4508"/>
                  </a:cubicBezTo>
                  <a:cubicBezTo>
                    <a:pt x="3378" y="4508"/>
                    <a:pt x="3110" y="4458"/>
                    <a:pt x="2886" y="4336"/>
                  </a:cubicBezTo>
                  <a:cubicBezTo>
                    <a:pt x="2532" y="4144"/>
                    <a:pt x="2443" y="3773"/>
                    <a:pt x="2896" y="3619"/>
                  </a:cubicBezTo>
                  <a:cubicBezTo>
                    <a:pt x="4173" y="3191"/>
                    <a:pt x="5428" y="2707"/>
                    <a:pt x="6666" y="2164"/>
                  </a:cubicBezTo>
                  <a:cubicBezTo>
                    <a:pt x="6887" y="2069"/>
                    <a:pt x="7175" y="2015"/>
                    <a:pt x="7464" y="2015"/>
                  </a:cubicBezTo>
                  <a:cubicBezTo>
                    <a:pt x="7593" y="2015"/>
                    <a:pt x="7721" y="2026"/>
                    <a:pt x="7846" y="2047"/>
                  </a:cubicBezTo>
                  <a:cubicBezTo>
                    <a:pt x="8074" y="1901"/>
                    <a:pt x="8330" y="1794"/>
                    <a:pt x="8562" y="1794"/>
                  </a:cubicBezTo>
                  <a:cubicBezTo>
                    <a:pt x="8598" y="1794"/>
                    <a:pt x="8634" y="1797"/>
                    <a:pt x="8669" y="1805"/>
                  </a:cubicBezTo>
                  <a:cubicBezTo>
                    <a:pt x="9054" y="1865"/>
                    <a:pt x="9375" y="2079"/>
                    <a:pt x="9041" y="2490"/>
                  </a:cubicBezTo>
                  <a:cubicBezTo>
                    <a:pt x="8491" y="3153"/>
                    <a:pt x="8074" y="3841"/>
                    <a:pt x="7774" y="4600"/>
                  </a:cubicBezTo>
                  <a:cubicBezTo>
                    <a:pt x="9536" y="3398"/>
                    <a:pt x="11351" y="2283"/>
                    <a:pt x="13223" y="1256"/>
                  </a:cubicBezTo>
                  <a:cubicBezTo>
                    <a:pt x="13379" y="1170"/>
                    <a:pt x="13729" y="1091"/>
                    <a:pt x="14032" y="1091"/>
                  </a:cubicBezTo>
                  <a:cubicBezTo>
                    <a:pt x="14449" y="1091"/>
                    <a:pt x="14778" y="1238"/>
                    <a:pt x="14378" y="1701"/>
                  </a:cubicBezTo>
                  <a:cubicBezTo>
                    <a:pt x="13740" y="2447"/>
                    <a:pt x="13305" y="3220"/>
                    <a:pt x="13055" y="4116"/>
                  </a:cubicBezTo>
                  <a:cubicBezTo>
                    <a:pt x="14791" y="3156"/>
                    <a:pt x="16575" y="2111"/>
                    <a:pt x="18386" y="1494"/>
                  </a:cubicBezTo>
                  <a:cubicBezTo>
                    <a:pt x="18660" y="1402"/>
                    <a:pt x="18896" y="1359"/>
                    <a:pt x="19099" y="1359"/>
                  </a:cubicBezTo>
                  <a:cubicBezTo>
                    <a:pt x="20144" y="1359"/>
                    <a:pt x="20262" y="2514"/>
                    <a:pt x="20204" y="3630"/>
                  </a:cubicBezTo>
                  <a:cubicBezTo>
                    <a:pt x="21502" y="2892"/>
                    <a:pt x="22840" y="2229"/>
                    <a:pt x="24213" y="1634"/>
                  </a:cubicBezTo>
                  <a:cubicBezTo>
                    <a:pt x="24216" y="1630"/>
                    <a:pt x="24216" y="1623"/>
                    <a:pt x="24216" y="1619"/>
                  </a:cubicBezTo>
                  <a:cubicBezTo>
                    <a:pt x="24244" y="1109"/>
                    <a:pt x="24766" y="867"/>
                    <a:pt x="25304" y="867"/>
                  </a:cubicBezTo>
                  <a:cubicBezTo>
                    <a:pt x="25906" y="867"/>
                    <a:pt x="26530" y="1173"/>
                    <a:pt x="26499" y="1744"/>
                  </a:cubicBezTo>
                  <a:cubicBezTo>
                    <a:pt x="26477" y="2126"/>
                    <a:pt x="26438" y="2496"/>
                    <a:pt x="26384" y="2867"/>
                  </a:cubicBezTo>
                  <a:cubicBezTo>
                    <a:pt x="26591" y="2793"/>
                    <a:pt x="26798" y="2721"/>
                    <a:pt x="27004" y="2653"/>
                  </a:cubicBezTo>
                  <a:cubicBezTo>
                    <a:pt x="27236" y="2250"/>
                    <a:pt x="27483" y="1855"/>
                    <a:pt x="27743" y="1466"/>
                  </a:cubicBezTo>
                  <a:cubicBezTo>
                    <a:pt x="28220" y="746"/>
                    <a:pt x="27386" y="168"/>
                    <a:pt x="26695" y="168"/>
                  </a:cubicBezTo>
                  <a:cubicBezTo>
                    <a:pt x="26573" y="168"/>
                    <a:pt x="26459" y="186"/>
                    <a:pt x="26352" y="225"/>
                  </a:cubicBezTo>
                  <a:cubicBezTo>
                    <a:pt x="24637" y="842"/>
                    <a:pt x="23000" y="1591"/>
                    <a:pt x="21431" y="2468"/>
                  </a:cubicBezTo>
                  <a:cubicBezTo>
                    <a:pt x="21624" y="2079"/>
                    <a:pt x="21817" y="1690"/>
                    <a:pt x="22009" y="1305"/>
                  </a:cubicBezTo>
                  <a:cubicBezTo>
                    <a:pt x="22373" y="574"/>
                    <a:pt x="21702" y="0"/>
                    <a:pt x="21010" y="0"/>
                  </a:cubicBezTo>
                  <a:close/>
                  <a:moveTo>
                    <a:pt x="30485" y="3384"/>
                  </a:moveTo>
                  <a:cubicBezTo>
                    <a:pt x="28780" y="3837"/>
                    <a:pt x="27111" y="4407"/>
                    <a:pt x="25467" y="5085"/>
                  </a:cubicBezTo>
                  <a:cubicBezTo>
                    <a:pt x="25325" y="5146"/>
                    <a:pt x="25161" y="5174"/>
                    <a:pt x="24993" y="5174"/>
                  </a:cubicBezTo>
                  <a:cubicBezTo>
                    <a:pt x="24394" y="5174"/>
                    <a:pt x="23749" y="4817"/>
                    <a:pt x="23820" y="4208"/>
                  </a:cubicBezTo>
                  <a:lnTo>
                    <a:pt x="23820" y="4208"/>
                  </a:lnTo>
                  <a:cubicBezTo>
                    <a:pt x="23721" y="4437"/>
                    <a:pt x="23627" y="4668"/>
                    <a:pt x="23538" y="4903"/>
                  </a:cubicBezTo>
                  <a:cubicBezTo>
                    <a:pt x="23257" y="5627"/>
                    <a:pt x="24013" y="5920"/>
                    <a:pt x="24665" y="5920"/>
                  </a:cubicBezTo>
                  <a:cubicBezTo>
                    <a:pt x="24908" y="5920"/>
                    <a:pt x="25136" y="5880"/>
                    <a:pt x="25289" y="5806"/>
                  </a:cubicBezTo>
                  <a:cubicBezTo>
                    <a:pt x="26919" y="5021"/>
                    <a:pt x="28566" y="4276"/>
                    <a:pt x="30231" y="3570"/>
                  </a:cubicBezTo>
                  <a:lnTo>
                    <a:pt x="30231" y="3570"/>
                  </a:lnTo>
                  <a:cubicBezTo>
                    <a:pt x="30131" y="3805"/>
                    <a:pt x="30032" y="4040"/>
                    <a:pt x="29932" y="4276"/>
                  </a:cubicBezTo>
                  <a:cubicBezTo>
                    <a:pt x="29632" y="4985"/>
                    <a:pt x="30292" y="5260"/>
                    <a:pt x="30952" y="5260"/>
                  </a:cubicBezTo>
                  <a:cubicBezTo>
                    <a:pt x="31323" y="5260"/>
                    <a:pt x="31697" y="5171"/>
                    <a:pt x="31893" y="5024"/>
                  </a:cubicBezTo>
                  <a:lnTo>
                    <a:pt x="31893" y="5024"/>
                  </a:lnTo>
                  <a:cubicBezTo>
                    <a:pt x="31869" y="5036"/>
                    <a:pt x="31843" y="5042"/>
                    <a:pt x="31818" y="5049"/>
                  </a:cubicBezTo>
                  <a:cubicBezTo>
                    <a:pt x="31701" y="5082"/>
                    <a:pt x="31558" y="5100"/>
                    <a:pt x="31401" y="5100"/>
                  </a:cubicBezTo>
                  <a:cubicBezTo>
                    <a:pt x="30745" y="5100"/>
                    <a:pt x="29904" y="4786"/>
                    <a:pt x="30192" y="4044"/>
                  </a:cubicBezTo>
                  <a:cubicBezTo>
                    <a:pt x="30281" y="3816"/>
                    <a:pt x="30378" y="3594"/>
                    <a:pt x="30485" y="3384"/>
                  </a:cubicBezTo>
                  <a:close/>
                  <a:moveTo>
                    <a:pt x="24084" y="2903"/>
                  </a:moveTo>
                  <a:lnTo>
                    <a:pt x="24084" y="2903"/>
                  </a:lnTo>
                  <a:cubicBezTo>
                    <a:pt x="22447" y="3627"/>
                    <a:pt x="20875" y="4468"/>
                    <a:pt x="19353" y="5421"/>
                  </a:cubicBezTo>
                  <a:cubicBezTo>
                    <a:pt x="19242" y="5492"/>
                    <a:pt x="18785" y="5663"/>
                    <a:pt x="18443" y="5663"/>
                  </a:cubicBezTo>
                  <a:cubicBezTo>
                    <a:pt x="18208" y="5663"/>
                    <a:pt x="18026" y="5581"/>
                    <a:pt x="18051" y="5331"/>
                  </a:cubicBezTo>
                  <a:cubicBezTo>
                    <a:pt x="18065" y="5167"/>
                    <a:pt x="18122" y="4697"/>
                    <a:pt x="18150" y="4205"/>
                  </a:cubicBezTo>
                  <a:lnTo>
                    <a:pt x="18150" y="4205"/>
                  </a:lnTo>
                  <a:cubicBezTo>
                    <a:pt x="18037" y="4432"/>
                    <a:pt x="17926" y="4661"/>
                    <a:pt x="17812" y="4889"/>
                  </a:cubicBezTo>
                  <a:cubicBezTo>
                    <a:pt x="17398" y="5720"/>
                    <a:pt x="18073" y="6119"/>
                    <a:pt x="18779" y="6119"/>
                  </a:cubicBezTo>
                  <a:cubicBezTo>
                    <a:pt x="19110" y="6119"/>
                    <a:pt x="19445" y="6033"/>
                    <a:pt x="19684" y="5859"/>
                  </a:cubicBezTo>
                  <a:cubicBezTo>
                    <a:pt x="21057" y="4853"/>
                    <a:pt x="22511" y="3976"/>
                    <a:pt x="24030" y="3231"/>
                  </a:cubicBezTo>
                  <a:cubicBezTo>
                    <a:pt x="24048" y="3120"/>
                    <a:pt x="24066" y="3010"/>
                    <a:pt x="24084" y="2903"/>
                  </a:cubicBezTo>
                  <a:close/>
                  <a:moveTo>
                    <a:pt x="17987" y="2828"/>
                  </a:moveTo>
                  <a:cubicBezTo>
                    <a:pt x="17915" y="2828"/>
                    <a:pt x="16671" y="3559"/>
                    <a:pt x="16503" y="3645"/>
                  </a:cubicBezTo>
                  <a:cubicBezTo>
                    <a:pt x="15031" y="4389"/>
                    <a:pt x="13562" y="5131"/>
                    <a:pt x="12089" y="5877"/>
                  </a:cubicBezTo>
                  <a:cubicBezTo>
                    <a:pt x="11993" y="5926"/>
                    <a:pt x="11504" y="6112"/>
                    <a:pt x="11151" y="6112"/>
                  </a:cubicBezTo>
                  <a:cubicBezTo>
                    <a:pt x="10923" y="6112"/>
                    <a:pt x="10756" y="6033"/>
                    <a:pt x="10791" y="5784"/>
                  </a:cubicBezTo>
                  <a:cubicBezTo>
                    <a:pt x="10902" y="4988"/>
                    <a:pt x="11116" y="4251"/>
                    <a:pt x="11433" y="3563"/>
                  </a:cubicBezTo>
                  <a:lnTo>
                    <a:pt x="11433" y="3563"/>
                  </a:lnTo>
                  <a:cubicBezTo>
                    <a:pt x="9867" y="4514"/>
                    <a:pt x="8348" y="5534"/>
                    <a:pt x="6869" y="6622"/>
                  </a:cubicBezTo>
                  <a:cubicBezTo>
                    <a:pt x="6762" y="6700"/>
                    <a:pt x="6052" y="7021"/>
                    <a:pt x="5624" y="7021"/>
                  </a:cubicBezTo>
                  <a:cubicBezTo>
                    <a:pt x="5521" y="7021"/>
                    <a:pt x="5435" y="7004"/>
                    <a:pt x="5378" y="6957"/>
                  </a:cubicBezTo>
                  <a:lnTo>
                    <a:pt x="5378" y="6957"/>
                  </a:lnTo>
                  <a:cubicBezTo>
                    <a:pt x="5321" y="7570"/>
                    <a:pt x="5917" y="7902"/>
                    <a:pt x="6505" y="7902"/>
                  </a:cubicBezTo>
                  <a:cubicBezTo>
                    <a:pt x="6833" y="7902"/>
                    <a:pt x="7161" y="7795"/>
                    <a:pt x="7368" y="7577"/>
                  </a:cubicBezTo>
                  <a:cubicBezTo>
                    <a:pt x="8527" y="6365"/>
                    <a:pt x="9768" y="5274"/>
                    <a:pt x="11101" y="4300"/>
                  </a:cubicBezTo>
                  <a:lnTo>
                    <a:pt x="11101" y="4300"/>
                  </a:lnTo>
                  <a:cubicBezTo>
                    <a:pt x="10795" y="4886"/>
                    <a:pt x="10513" y="5481"/>
                    <a:pt x="10249" y="6098"/>
                  </a:cubicBezTo>
                  <a:cubicBezTo>
                    <a:pt x="9946" y="6804"/>
                    <a:pt x="10616" y="7085"/>
                    <a:pt x="11276" y="7085"/>
                  </a:cubicBezTo>
                  <a:cubicBezTo>
                    <a:pt x="11654" y="7085"/>
                    <a:pt x="12028" y="6996"/>
                    <a:pt x="12221" y="6840"/>
                  </a:cubicBezTo>
                  <a:cubicBezTo>
                    <a:pt x="14050" y="5374"/>
                    <a:pt x="16029" y="4126"/>
                    <a:pt x="18126" y="3113"/>
                  </a:cubicBezTo>
                  <a:cubicBezTo>
                    <a:pt x="18097" y="2971"/>
                    <a:pt x="18055" y="2867"/>
                    <a:pt x="17987" y="2828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0" name="Google Shape;2301;p54"/>
            <p:cNvSpPr/>
            <p:nvPr/>
          </p:nvSpPr>
          <p:spPr>
            <a:xfrm>
              <a:off x="1980627" y="3951650"/>
              <a:ext cx="18078" cy="8744"/>
            </a:xfrm>
            <a:custGeom>
              <a:avLst/>
              <a:gdLst/>
              <a:ahLst/>
              <a:cxnLst/>
              <a:rect l="l" t="t" r="r" b="b"/>
              <a:pathLst>
                <a:path w="643" h="311" extrusionOk="0">
                  <a:moveTo>
                    <a:pt x="643" y="1"/>
                  </a:moveTo>
                  <a:lnTo>
                    <a:pt x="643" y="1"/>
                  </a:lnTo>
                  <a:cubicBezTo>
                    <a:pt x="429" y="103"/>
                    <a:pt x="215" y="207"/>
                    <a:pt x="1" y="311"/>
                  </a:cubicBezTo>
                  <a:cubicBezTo>
                    <a:pt x="204" y="236"/>
                    <a:pt x="404" y="157"/>
                    <a:pt x="607" y="79"/>
                  </a:cubicBezTo>
                  <a:cubicBezTo>
                    <a:pt x="618" y="54"/>
                    <a:pt x="632" y="26"/>
                    <a:pt x="643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1" name="Google Shape;2302;p54"/>
            <p:cNvSpPr/>
            <p:nvPr/>
          </p:nvSpPr>
          <p:spPr>
            <a:xfrm>
              <a:off x="1885292" y="3907623"/>
              <a:ext cx="151905" cy="70119"/>
            </a:xfrm>
            <a:custGeom>
              <a:avLst/>
              <a:gdLst/>
              <a:ahLst/>
              <a:cxnLst/>
              <a:rect l="l" t="t" r="r" b="b"/>
              <a:pathLst>
                <a:path w="5403" h="2494" extrusionOk="0">
                  <a:moveTo>
                    <a:pt x="5021" y="1"/>
                  </a:moveTo>
                  <a:cubicBezTo>
                    <a:pt x="4732" y="1"/>
                    <a:pt x="4444" y="55"/>
                    <a:pt x="4223" y="150"/>
                  </a:cubicBezTo>
                  <a:cubicBezTo>
                    <a:pt x="2985" y="693"/>
                    <a:pt x="1730" y="1177"/>
                    <a:pt x="453" y="1605"/>
                  </a:cubicBezTo>
                  <a:cubicBezTo>
                    <a:pt x="0" y="1759"/>
                    <a:pt x="89" y="2130"/>
                    <a:pt x="443" y="2322"/>
                  </a:cubicBezTo>
                  <a:cubicBezTo>
                    <a:pt x="667" y="2444"/>
                    <a:pt x="935" y="2494"/>
                    <a:pt x="1206" y="2494"/>
                  </a:cubicBezTo>
                  <a:cubicBezTo>
                    <a:pt x="1501" y="2494"/>
                    <a:pt x="1805" y="2433"/>
                    <a:pt x="2058" y="2347"/>
                  </a:cubicBezTo>
                  <a:cubicBezTo>
                    <a:pt x="2504" y="2197"/>
                    <a:pt x="2949" y="2041"/>
                    <a:pt x="3392" y="1877"/>
                  </a:cubicBezTo>
                  <a:cubicBezTo>
                    <a:pt x="3606" y="1773"/>
                    <a:pt x="3820" y="1669"/>
                    <a:pt x="4034" y="1567"/>
                  </a:cubicBezTo>
                  <a:lnTo>
                    <a:pt x="4034" y="1567"/>
                  </a:lnTo>
                  <a:cubicBezTo>
                    <a:pt x="4023" y="1592"/>
                    <a:pt x="4009" y="1620"/>
                    <a:pt x="3998" y="1645"/>
                  </a:cubicBezTo>
                  <a:cubicBezTo>
                    <a:pt x="4012" y="1641"/>
                    <a:pt x="4023" y="1638"/>
                    <a:pt x="4037" y="1631"/>
                  </a:cubicBezTo>
                  <a:cubicBezTo>
                    <a:pt x="4261" y="1260"/>
                    <a:pt x="4518" y="903"/>
                    <a:pt x="4804" y="553"/>
                  </a:cubicBezTo>
                  <a:cubicBezTo>
                    <a:pt x="4939" y="390"/>
                    <a:pt x="5156" y="190"/>
                    <a:pt x="5403" y="33"/>
                  </a:cubicBezTo>
                  <a:cubicBezTo>
                    <a:pt x="5278" y="12"/>
                    <a:pt x="5150" y="1"/>
                    <a:pt x="5021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2" name="Google Shape;2303;p54"/>
            <p:cNvSpPr/>
            <p:nvPr/>
          </p:nvSpPr>
          <p:spPr>
            <a:xfrm>
              <a:off x="1965080" y="3928906"/>
              <a:ext cx="381802" cy="117689"/>
            </a:xfrm>
            <a:custGeom>
              <a:avLst/>
              <a:gdLst/>
              <a:ahLst/>
              <a:cxnLst/>
              <a:rect l="l" t="t" r="r" b="b"/>
              <a:pathLst>
                <a:path w="13580" h="4186" extrusionOk="0">
                  <a:moveTo>
                    <a:pt x="13580" y="0"/>
                  </a:moveTo>
                  <a:lnTo>
                    <a:pt x="13580" y="0"/>
                  </a:lnTo>
                  <a:cubicBezTo>
                    <a:pt x="13333" y="111"/>
                    <a:pt x="13091" y="224"/>
                    <a:pt x="12845" y="342"/>
                  </a:cubicBezTo>
                  <a:cubicBezTo>
                    <a:pt x="12898" y="613"/>
                    <a:pt x="12895" y="1031"/>
                    <a:pt x="12869" y="1434"/>
                  </a:cubicBezTo>
                  <a:cubicBezTo>
                    <a:pt x="13109" y="955"/>
                    <a:pt x="13344" y="478"/>
                    <a:pt x="13580" y="0"/>
                  </a:cubicBezTo>
                  <a:close/>
                  <a:moveTo>
                    <a:pt x="1078" y="1080"/>
                  </a:moveTo>
                  <a:lnTo>
                    <a:pt x="1078" y="1080"/>
                  </a:lnTo>
                  <a:cubicBezTo>
                    <a:pt x="579" y="1954"/>
                    <a:pt x="236" y="2892"/>
                    <a:pt x="29" y="3922"/>
                  </a:cubicBezTo>
                  <a:cubicBezTo>
                    <a:pt x="1" y="4051"/>
                    <a:pt x="29" y="4136"/>
                    <a:pt x="97" y="4186"/>
                  </a:cubicBezTo>
                  <a:cubicBezTo>
                    <a:pt x="101" y="4147"/>
                    <a:pt x="108" y="4108"/>
                    <a:pt x="115" y="4065"/>
                  </a:cubicBezTo>
                  <a:cubicBezTo>
                    <a:pt x="347" y="3030"/>
                    <a:pt x="668" y="2036"/>
                    <a:pt x="1078" y="108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3" name="Google Shape;2304;p54"/>
            <p:cNvSpPr/>
            <p:nvPr/>
          </p:nvSpPr>
          <p:spPr>
            <a:xfrm>
              <a:off x="1967779" y="3881674"/>
              <a:ext cx="529574" cy="166722"/>
            </a:xfrm>
            <a:custGeom>
              <a:avLst/>
              <a:gdLst/>
              <a:ahLst/>
              <a:cxnLst/>
              <a:rect l="l" t="t" r="r" b="b"/>
              <a:pathLst>
                <a:path w="18836" h="5930" extrusionOk="0">
                  <a:moveTo>
                    <a:pt x="8655" y="0"/>
                  </a:moveTo>
                  <a:cubicBezTo>
                    <a:pt x="8352" y="0"/>
                    <a:pt x="8002" y="79"/>
                    <a:pt x="7846" y="165"/>
                  </a:cubicBezTo>
                  <a:cubicBezTo>
                    <a:pt x="5974" y="1192"/>
                    <a:pt x="4159" y="2307"/>
                    <a:pt x="2397" y="3509"/>
                  </a:cubicBezTo>
                  <a:cubicBezTo>
                    <a:pt x="2697" y="2750"/>
                    <a:pt x="3114" y="2062"/>
                    <a:pt x="3664" y="1399"/>
                  </a:cubicBezTo>
                  <a:cubicBezTo>
                    <a:pt x="3998" y="988"/>
                    <a:pt x="3677" y="774"/>
                    <a:pt x="3292" y="714"/>
                  </a:cubicBezTo>
                  <a:cubicBezTo>
                    <a:pt x="3257" y="706"/>
                    <a:pt x="3221" y="703"/>
                    <a:pt x="3185" y="703"/>
                  </a:cubicBezTo>
                  <a:cubicBezTo>
                    <a:pt x="2953" y="703"/>
                    <a:pt x="2697" y="810"/>
                    <a:pt x="2469" y="956"/>
                  </a:cubicBezTo>
                  <a:cubicBezTo>
                    <a:pt x="2629" y="984"/>
                    <a:pt x="2779" y="1031"/>
                    <a:pt x="2904" y="1103"/>
                  </a:cubicBezTo>
                  <a:cubicBezTo>
                    <a:pt x="3285" y="1305"/>
                    <a:pt x="3317" y="1630"/>
                    <a:pt x="2893" y="1815"/>
                  </a:cubicBezTo>
                  <a:cubicBezTo>
                    <a:pt x="2301" y="2076"/>
                    <a:pt x="1706" y="2322"/>
                    <a:pt x="1103" y="2554"/>
                  </a:cubicBezTo>
                  <a:cubicBezTo>
                    <a:pt x="1060" y="2622"/>
                    <a:pt x="1021" y="2693"/>
                    <a:pt x="982" y="2760"/>
                  </a:cubicBezTo>
                  <a:cubicBezTo>
                    <a:pt x="572" y="3716"/>
                    <a:pt x="251" y="4710"/>
                    <a:pt x="19" y="5745"/>
                  </a:cubicBezTo>
                  <a:cubicBezTo>
                    <a:pt x="12" y="5788"/>
                    <a:pt x="5" y="5827"/>
                    <a:pt x="1" y="5866"/>
                  </a:cubicBezTo>
                  <a:cubicBezTo>
                    <a:pt x="58" y="5913"/>
                    <a:pt x="144" y="5930"/>
                    <a:pt x="247" y="5930"/>
                  </a:cubicBezTo>
                  <a:cubicBezTo>
                    <a:pt x="675" y="5930"/>
                    <a:pt x="1385" y="5609"/>
                    <a:pt x="1492" y="5531"/>
                  </a:cubicBezTo>
                  <a:cubicBezTo>
                    <a:pt x="2971" y="4443"/>
                    <a:pt x="4490" y="3423"/>
                    <a:pt x="6056" y="2472"/>
                  </a:cubicBezTo>
                  <a:lnTo>
                    <a:pt x="6056" y="2472"/>
                  </a:lnTo>
                  <a:cubicBezTo>
                    <a:pt x="5739" y="3160"/>
                    <a:pt x="5525" y="3897"/>
                    <a:pt x="5414" y="4693"/>
                  </a:cubicBezTo>
                  <a:cubicBezTo>
                    <a:pt x="5379" y="4942"/>
                    <a:pt x="5546" y="5021"/>
                    <a:pt x="5774" y="5021"/>
                  </a:cubicBezTo>
                  <a:cubicBezTo>
                    <a:pt x="6127" y="5021"/>
                    <a:pt x="6616" y="4835"/>
                    <a:pt x="6712" y="4786"/>
                  </a:cubicBezTo>
                  <a:cubicBezTo>
                    <a:pt x="8185" y="4040"/>
                    <a:pt x="9654" y="3298"/>
                    <a:pt x="11126" y="2554"/>
                  </a:cubicBezTo>
                  <a:cubicBezTo>
                    <a:pt x="11294" y="2468"/>
                    <a:pt x="12538" y="1737"/>
                    <a:pt x="12610" y="1737"/>
                  </a:cubicBezTo>
                  <a:cubicBezTo>
                    <a:pt x="12678" y="1776"/>
                    <a:pt x="12720" y="1880"/>
                    <a:pt x="12749" y="2022"/>
                  </a:cubicBezTo>
                  <a:cubicBezTo>
                    <a:pt x="12995" y="1904"/>
                    <a:pt x="13237" y="1791"/>
                    <a:pt x="13484" y="1680"/>
                  </a:cubicBezTo>
                  <a:lnTo>
                    <a:pt x="13484" y="1680"/>
                  </a:lnTo>
                  <a:cubicBezTo>
                    <a:pt x="13248" y="2158"/>
                    <a:pt x="13013" y="2635"/>
                    <a:pt x="12773" y="3114"/>
                  </a:cubicBezTo>
                  <a:cubicBezTo>
                    <a:pt x="12745" y="3606"/>
                    <a:pt x="12688" y="4076"/>
                    <a:pt x="12674" y="4240"/>
                  </a:cubicBezTo>
                  <a:cubicBezTo>
                    <a:pt x="12649" y="4490"/>
                    <a:pt x="12831" y="4572"/>
                    <a:pt x="13066" y="4572"/>
                  </a:cubicBezTo>
                  <a:cubicBezTo>
                    <a:pt x="13408" y="4572"/>
                    <a:pt x="13865" y="4401"/>
                    <a:pt x="13976" y="4330"/>
                  </a:cubicBezTo>
                  <a:cubicBezTo>
                    <a:pt x="15498" y="3377"/>
                    <a:pt x="17070" y="2536"/>
                    <a:pt x="18707" y="1812"/>
                  </a:cubicBezTo>
                  <a:cubicBezTo>
                    <a:pt x="18772" y="1391"/>
                    <a:pt x="18811" y="974"/>
                    <a:pt x="18836" y="543"/>
                  </a:cubicBezTo>
                  <a:lnTo>
                    <a:pt x="18836" y="543"/>
                  </a:lnTo>
                  <a:cubicBezTo>
                    <a:pt x="17463" y="1138"/>
                    <a:pt x="16125" y="1801"/>
                    <a:pt x="14827" y="2539"/>
                  </a:cubicBezTo>
                  <a:cubicBezTo>
                    <a:pt x="14885" y="1423"/>
                    <a:pt x="14767" y="268"/>
                    <a:pt x="13722" y="268"/>
                  </a:cubicBezTo>
                  <a:cubicBezTo>
                    <a:pt x="13519" y="268"/>
                    <a:pt x="13283" y="311"/>
                    <a:pt x="13009" y="403"/>
                  </a:cubicBezTo>
                  <a:cubicBezTo>
                    <a:pt x="11198" y="1020"/>
                    <a:pt x="9414" y="2065"/>
                    <a:pt x="7678" y="3025"/>
                  </a:cubicBezTo>
                  <a:cubicBezTo>
                    <a:pt x="7928" y="2129"/>
                    <a:pt x="8363" y="1356"/>
                    <a:pt x="9001" y="610"/>
                  </a:cubicBezTo>
                  <a:cubicBezTo>
                    <a:pt x="9401" y="147"/>
                    <a:pt x="9072" y="0"/>
                    <a:pt x="8655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4" name="Google Shape;2305;p54"/>
            <p:cNvSpPr/>
            <p:nvPr/>
          </p:nvSpPr>
          <p:spPr>
            <a:xfrm>
              <a:off x="1998789" y="3908551"/>
              <a:ext cx="62247" cy="44928"/>
            </a:xfrm>
            <a:custGeom>
              <a:avLst/>
              <a:gdLst/>
              <a:ahLst/>
              <a:cxnLst/>
              <a:rect l="l" t="t" r="r" b="b"/>
              <a:pathLst>
                <a:path w="2214" h="1598" extrusionOk="0">
                  <a:moveTo>
                    <a:pt x="1366" y="0"/>
                  </a:moveTo>
                  <a:cubicBezTo>
                    <a:pt x="1119" y="157"/>
                    <a:pt x="902" y="357"/>
                    <a:pt x="767" y="520"/>
                  </a:cubicBezTo>
                  <a:cubicBezTo>
                    <a:pt x="481" y="870"/>
                    <a:pt x="224" y="1227"/>
                    <a:pt x="0" y="1598"/>
                  </a:cubicBezTo>
                  <a:cubicBezTo>
                    <a:pt x="603" y="1366"/>
                    <a:pt x="1198" y="1120"/>
                    <a:pt x="1790" y="859"/>
                  </a:cubicBezTo>
                  <a:cubicBezTo>
                    <a:pt x="2214" y="674"/>
                    <a:pt x="2182" y="349"/>
                    <a:pt x="1801" y="147"/>
                  </a:cubicBezTo>
                  <a:cubicBezTo>
                    <a:pt x="1676" y="75"/>
                    <a:pt x="1526" y="28"/>
                    <a:pt x="136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5" name="Google Shape;2306;p54"/>
            <p:cNvSpPr/>
            <p:nvPr/>
          </p:nvSpPr>
          <p:spPr>
            <a:xfrm>
              <a:off x="2486262" y="3887494"/>
              <a:ext cx="316153" cy="104785"/>
            </a:xfrm>
            <a:custGeom>
              <a:avLst/>
              <a:gdLst/>
              <a:ahLst/>
              <a:cxnLst/>
              <a:rect l="l" t="t" r="r" b="b"/>
              <a:pathLst>
                <a:path w="11245" h="3727" extrusionOk="0">
                  <a:moveTo>
                    <a:pt x="9404" y="0"/>
                  </a:moveTo>
                  <a:cubicBezTo>
                    <a:pt x="9536" y="172"/>
                    <a:pt x="9586" y="382"/>
                    <a:pt x="9483" y="624"/>
                  </a:cubicBezTo>
                  <a:cubicBezTo>
                    <a:pt x="9436" y="738"/>
                    <a:pt x="9386" y="853"/>
                    <a:pt x="9340" y="963"/>
                  </a:cubicBezTo>
                  <a:cubicBezTo>
                    <a:pt x="9604" y="878"/>
                    <a:pt x="9875" y="802"/>
                    <a:pt x="10150" y="738"/>
                  </a:cubicBezTo>
                  <a:cubicBezTo>
                    <a:pt x="10150" y="417"/>
                    <a:pt x="9793" y="143"/>
                    <a:pt x="9404" y="0"/>
                  </a:cubicBezTo>
                  <a:close/>
                  <a:moveTo>
                    <a:pt x="5364" y="688"/>
                  </a:moveTo>
                  <a:lnTo>
                    <a:pt x="5364" y="688"/>
                  </a:lnTo>
                  <a:cubicBezTo>
                    <a:pt x="4633" y="892"/>
                    <a:pt x="3906" y="1113"/>
                    <a:pt x="3185" y="1355"/>
                  </a:cubicBezTo>
                  <a:cubicBezTo>
                    <a:pt x="3111" y="1480"/>
                    <a:pt x="3043" y="1608"/>
                    <a:pt x="2971" y="1733"/>
                  </a:cubicBezTo>
                  <a:cubicBezTo>
                    <a:pt x="3766" y="1376"/>
                    <a:pt x="4562" y="1031"/>
                    <a:pt x="5364" y="688"/>
                  </a:cubicBezTo>
                  <a:close/>
                  <a:moveTo>
                    <a:pt x="511" y="1786"/>
                  </a:moveTo>
                  <a:cubicBezTo>
                    <a:pt x="412" y="1837"/>
                    <a:pt x="312" y="1883"/>
                    <a:pt x="211" y="1933"/>
                  </a:cubicBezTo>
                  <a:cubicBezTo>
                    <a:pt x="162" y="2219"/>
                    <a:pt x="98" y="2500"/>
                    <a:pt x="22" y="2785"/>
                  </a:cubicBezTo>
                  <a:cubicBezTo>
                    <a:pt x="12" y="2828"/>
                    <a:pt x="5" y="2871"/>
                    <a:pt x="1" y="2910"/>
                  </a:cubicBezTo>
                  <a:cubicBezTo>
                    <a:pt x="162" y="2528"/>
                    <a:pt x="333" y="2158"/>
                    <a:pt x="511" y="1786"/>
                  </a:cubicBezTo>
                  <a:close/>
                  <a:moveTo>
                    <a:pt x="11233" y="2397"/>
                  </a:moveTo>
                  <a:lnTo>
                    <a:pt x="11233" y="2397"/>
                  </a:lnTo>
                  <a:cubicBezTo>
                    <a:pt x="10103" y="2543"/>
                    <a:pt x="9034" y="2984"/>
                    <a:pt x="8085" y="3720"/>
                  </a:cubicBezTo>
                  <a:cubicBezTo>
                    <a:pt x="8082" y="3722"/>
                    <a:pt x="8080" y="3724"/>
                    <a:pt x="8078" y="3725"/>
                  </a:cubicBezTo>
                  <a:lnTo>
                    <a:pt x="8078" y="3725"/>
                  </a:lnTo>
                  <a:cubicBezTo>
                    <a:pt x="8929" y="3476"/>
                    <a:pt x="9779" y="3227"/>
                    <a:pt x="10634" y="2978"/>
                  </a:cubicBezTo>
                  <a:cubicBezTo>
                    <a:pt x="11076" y="2846"/>
                    <a:pt x="11244" y="2628"/>
                    <a:pt x="11233" y="2397"/>
                  </a:cubicBezTo>
                  <a:close/>
                  <a:moveTo>
                    <a:pt x="8078" y="3725"/>
                  </a:moveTo>
                  <a:cubicBezTo>
                    <a:pt x="8077" y="3726"/>
                    <a:pt x="8076" y="3726"/>
                    <a:pt x="8074" y="3726"/>
                  </a:cubicBezTo>
                  <a:cubicBezTo>
                    <a:pt x="8076" y="3726"/>
                    <a:pt x="8077" y="3726"/>
                    <a:pt x="8078" y="3725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6" name="Google Shape;2307;p54"/>
            <p:cNvSpPr/>
            <p:nvPr/>
          </p:nvSpPr>
          <p:spPr>
            <a:xfrm>
              <a:off x="2484266" y="3875376"/>
              <a:ext cx="317840" cy="121119"/>
            </a:xfrm>
            <a:custGeom>
              <a:avLst/>
              <a:gdLst/>
              <a:ahLst/>
              <a:cxnLst/>
              <a:rect l="l" t="t" r="r" b="b"/>
              <a:pathLst>
                <a:path w="11305" h="4308" extrusionOk="0">
                  <a:moveTo>
                    <a:pt x="1556" y="0"/>
                  </a:moveTo>
                  <a:cubicBezTo>
                    <a:pt x="1018" y="0"/>
                    <a:pt x="496" y="242"/>
                    <a:pt x="468" y="752"/>
                  </a:cubicBezTo>
                  <a:cubicBezTo>
                    <a:pt x="468" y="756"/>
                    <a:pt x="468" y="763"/>
                    <a:pt x="465" y="767"/>
                  </a:cubicBezTo>
                  <a:cubicBezTo>
                    <a:pt x="707" y="660"/>
                    <a:pt x="953" y="560"/>
                    <a:pt x="1196" y="456"/>
                  </a:cubicBezTo>
                  <a:cubicBezTo>
                    <a:pt x="1438" y="356"/>
                    <a:pt x="1623" y="313"/>
                    <a:pt x="1762" y="313"/>
                  </a:cubicBezTo>
                  <a:cubicBezTo>
                    <a:pt x="2447" y="313"/>
                    <a:pt x="1969" y="1348"/>
                    <a:pt x="1163" y="1679"/>
                  </a:cubicBezTo>
                  <a:cubicBezTo>
                    <a:pt x="885" y="1794"/>
                    <a:pt x="611" y="1914"/>
                    <a:pt x="336" y="2036"/>
                  </a:cubicBezTo>
                  <a:cubicBezTo>
                    <a:pt x="318" y="2143"/>
                    <a:pt x="300" y="2253"/>
                    <a:pt x="282" y="2364"/>
                  </a:cubicBezTo>
                  <a:cubicBezTo>
                    <a:pt x="383" y="2314"/>
                    <a:pt x="483" y="2268"/>
                    <a:pt x="582" y="2217"/>
                  </a:cubicBezTo>
                  <a:lnTo>
                    <a:pt x="582" y="2217"/>
                  </a:lnTo>
                  <a:cubicBezTo>
                    <a:pt x="404" y="2589"/>
                    <a:pt x="233" y="2959"/>
                    <a:pt x="72" y="3341"/>
                  </a:cubicBezTo>
                  <a:cubicBezTo>
                    <a:pt x="1" y="3950"/>
                    <a:pt x="646" y="4307"/>
                    <a:pt x="1245" y="4307"/>
                  </a:cubicBezTo>
                  <a:cubicBezTo>
                    <a:pt x="1413" y="4307"/>
                    <a:pt x="1577" y="4279"/>
                    <a:pt x="1719" y="4218"/>
                  </a:cubicBezTo>
                  <a:cubicBezTo>
                    <a:pt x="3363" y="3540"/>
                    <a:pt x="5032" y="2970"/>
                    <a:pt x="6737" y="2517"/>
                  </a:cubicBezTo>
                  <a:lnTo>
                    <a:pt x="6737" y="2517"/>
                  </a:lnTo>
                  <a:cubicBezTo>
                    <a:pt x="6630" y="2727"/>
                    <a:pt x="6533" y="2949"/>
                    <a:pt x="6444" y="3177"/>
                  </a:cubicBezTo>
                  <a:cubicBezTo>
                    <a:pt x="6156" y="3919"/>
                    <a:pt x="6997" y="4233"/>
                    <a:pt x="7653" y="4233"/>
                  </a:cubicBezTo>
                  <a:cubicBezTo>
                    <a:pt x="7810" y="4233"/>
                    <a:pt x="7953" y="4215"/>
                    <a:pt x="8070" y="4182"/>
                  </a:cubicBezTo>
                  <a:cubicBezTo>
                    <a:pt x="8095" y="4175"/>
                    <a:pt x="8121" y="4169"/>
                    <a:pt x="8145" y="4157"/>
                  </a:cubicBezTo>
                  <a:cubicBezTo>
                    <a:pt x="8149" y="4157"/>
                    <a:pt x="8152" y="4154"/>
                    <a:pt x="8156" y="4151"/>
                  </a:cubicBezTo>
                  <a:cubicBezTo>
                    <a:pt x="9105" y="3415"/>
                    <a:pt x="10174" y="2974"/>
                    <a:pt x="11304" y="2828"/>
                  </a:cubicBezTo>
                  <a:cubicBezTo>
                    <a:pt x="11283" y="2389"/>
                    <a:pt x="10616" y="1908"/>
                    <a:pt x="9964" y="1908"/>
                  </a:cubicBezTo>
                  <a:cubicBezTo>
                    <a:pt x="9871" y="1908"/>
                    <a:pt x="9782" y="1914"/>
                    <a:pt x="9693" y="1936"/>
                  </a:cubicBezTo>
                  <a:cubicBezTo>
                    <a:pt x="9793" y="1822"/>
                    <a:pt x="9900" y="1708"/>
                    <a:pt x="10010" y="1597"/>
                  </a:cubicBezTo>
                  <a:cubicBezTo>
                    <a:pt x="10160" y="1451"/>
                    <a:pt x="10221" y="1305"/>
                    <a:pt x="10221" y="1169"/>
                  </a:cubicBezTo>
                  <a:lnTo>
                    <a:pt x="10221" y="1169"/>
                  </a:lnTo>
                  <a:cubicBezTo>
                    <a:pt x="9946" y="1233"/>
                    <a:pt x="9675" y="1309"/>
                    <a:pt x="9411" y="1394"/>
                  </a:cubicBezTo>
                  <a:cubicBezTo>
                    <a:pt x="9457" y="1284"/>
                    <a:pt x="9507" y="1169"/>
                    <a:pt x="9554" y="1055"/>
                  </a:cubicBezTo>
                  <a:cubicBezTo>
                    <a:pt x="9657" y="813"/>
                    <a:pt x="9607" y="603"/>
                    <a:pt x="9475" y="431"/>
                  </a:cubicBezTo>
                  <a:cubicBezTo>
                    <a:pt x="9293" y="367"/>
                    <a:pt x="9105" y="328"/>
                    <a:pt x="8940" y="328"/>
                  </a:cubicBezTo>
                  <a:cubicBezTo>
                    <a:pt x="8887" y="328"/>
                    <a:pt x="8833" y="331"/>
                    <a:pt x="8787" y="342"/>
                  </a:cubicBezTo>
                  <a:cubicBezTo>
                    <a:pt x="7657" y="556"/>
                    <a:pt x="6541" y="816"/>
                    <a:pt x="5435" y="1119"/>
                  </a:cubicBezTo>
                  <a:cubicBezTo>
                    <a:pt x="4633" y="1462"/>
                    <a:pt x="3837" y="1807"/>
                    <a:pt x="3042" y="2164"/>
                  </a:cubicBezTo>
                  <a:cubicBezTo>
                    <a:pt x="3114" y="2039"/>
                    <a:pt x="3182" y="1911"/>
                    <a:pt x="3256" y="1786"/>
                  </a:cubicBezTo>
                  <a:lnTo>
                    <a:pt x="3256" y="1786"/>
                  </a:lnTo>
                  <a:cubicBezTo>
                    <a:pt x="3050" y="1854"/>
                    <a:pt x="2843" y="1926"/>
                    <a:pt x="2636" y="2000"/>
                  </a:cubicBezTo>
                  <a:cubicBezTo>
                    <a:pt x="2690" y="1629"/>
                    <a:pt x="2729" y="1259"/>
                    <a:pt x="2751" y="877"/>
                  </a:cubicBezTo>
                  <a:cubicBezTo>
                    <a:pt x="2782" y="306"/>
                    <a:pt x="2158" y="0"/>
                    <a:pt x="155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7" name="Google Shape;2308;p54"/>
            <p:cNvSpPr/>
            <p:nvPr/>
          </p:nvSpPr>
          <p:spPr>
            <a:xfrm>
              <a:off x="2493712" y="3884176"/>
              <a:ext cx="59351" cy="48442"/>
            </a:xfrm>
            <a:custGeom>
              <a:avLst/>
              <a:gdLst/>
              <a:ahLst/>
              <a:cxnLst/>
              <a:rect l="l" t="t" r="r" b="b"/>
              <a:pathLst>
                <a:path w="2111" h="1723" extrusionOk="0">
                  <a:moveTo>
                    <a:pt x="1426" y="0"/>
                  </a:moveTo>
                  <a:cubicBezTo>
                    <a:pt x="1287" y="0"/>
                    <a:pt x="1102" y="43"/>
                    <a:pt x="860" y="143"/>
                  </a:cubicBezTo>
                  <a:cubicBezTo>
                    <a:pt x="617" y="247"/>
                    <a:pt x="371" y="347"/>
                    <a:pt x="129" y="454"/>
                  </a:cubicBezTo>
                  <a:cubicBezTo>
                    <a:pt x="104" y="885"/>
                    <a:pt x="65" y="1302"/>
                    <a:pt x="0" y="1723"/>
                  </a:cubicBezTo>
                  <a:cubicBezTo>
                    <a:pt x="275" y="1601"/>
                    <a:pt x="549" y="1481"/>
                    <a:pt x="827" y="1366"/>
                  </a:cubicBezTo>
                  <a:cubicBezTo>
                    <a:pt x="1633" y="1035"/>
                    <a:pt x="2111" y="0"/>
                    <a:pt x="142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</p:grpSp>
      <p:sp>
        <p:nvSpPr>
          <p:cNvPr id="18" name="Google Shape;1050;p35"/>
          <p:cNvSpPr txBox="1">
            <a:spLocks/>
          </p:cNvSpPr>
          <p:nvPr/>
        </p:nvSpPr>
        <p:spPr>
          <a:xfrm>
            <a:off x="762000" y="3027022"/>
            <a:ext cx="4195067" cy="1056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2984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1pPr>
            <a:lvl2pPr marL="914400" marR="0" lvl="1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2pPr>
            <a:lvl3pPr marL="1371600" marR="0" lvl="2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3pPr>
            <a:lvl4pPr marL="1828800" marR="0" lvl="3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4pPr>
            <a:lvl5pPr marL="2286000" marR="0" lvl="4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5pPr>
            <a:lvl6pPr marL="2743200" marR="0" lvl="5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6pPr>
            <a:lvl7pPr marL="3200400" marR="0" lvl="6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7pPr>
            <a:lvl8pPr marL="3657600" marR="0" lvl="7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8pPr>
            <a:lvl9pPr marL="4114800" marR="0" lvl="8" indent="-298450" algn="l" rtl="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Comfortaa"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/>
                <a:sym typeface="Comfortaa"/>
              </a:rPr>
              <a:t>Etkinlik yapıyoruz</a:t>
            </a:r>
          </a:p>
        </p:txBody>
      </p:sp>
      <p:sp>
        <p:nvSpPr>
          <p:cNvPr id="19" name="Google Shape;1051;p35"/>
          <p:cNvSpPr/>
          <p:nvPr/>
        </p:nvSpPr>
        <p:spPr>
          <a:xfrm>
            <a:off x="804681" y="4216977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20" name="Google Shape;1052;p35"/>
          <p:cNvSpPr/>
          <p:nvPr/>
        </p:nvSpPr>
        <p:spPr>
          <a:xfrm>
            <a:off x="721554" y="2564572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grpSp>
        <p:nvGrpSpPr>
          <p:cNvPr id="22" name="Grup 21"/>
          <p:cNvGrpSpPr/>
          <p:nvPr/>
        </p:nvGrpSpPr>
        <p:grpSpPr>
          <a:xfrm>
            <a:off x="5410200" y="1466850"/>
            <a:ext cx="5943600" cy="3448050"/>
            <a:chOff x="5410200" y="1466850"/>
            <a:chExt cx="5943600" cy="3448050"/>
          </a:xfrm>
        </p:grpSpPr>
        <p:pic>
          <p:nvPicPr>
            <p:cNvPr id="7" name="Google Shape;2287;p54"/>
            <p:cNvPicPr preferRelativeResize="0"/>
            <p:nvPr/>
          </p:nvPicPr>
          <p:blipFill rotWithShape="1">
            <a:blip r:embed="rId4">
              <a:alphaModFix/>
            </a:blip>
            <a:srcRect l="4395" r="4404"/>
            <a:stretch/>
          </p:blipFill>
          <p:spPr>
            <a:xfrm>
              <a:off x="5410200" y="1466850"/>
              <a:ext cx="5943600" cy="344805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</p:pic>
        <p:sp>
          <p:nvSpPr>
            <p:cNvPr id="21" name="Yuvarlatılmış Dikdörtgen 20">
              <a:hlinkClick r:id="rId5"/>
            </p:cNvPr>
            <p:cNvSpPr/>
            <p:nvPr/>
          </p:nvSpPr>
          <p:spPr>
            <a:xfrm>
              <a:off x="6385809" y="2383436"/>
              <a:ext cx="3972393" cy="1617064"/>
            </a:xfrm>
            <a:prstGeom prst="roundRect">
              <a:avLst>
                <a:gd name="adj" fmla="val 44477"/>
              </a:avLst>
            </a:prstGeom>
            <a:solidFill>
              <a:srgbClr val="F3F3F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+mn-ea"/>
                  <a:cs typeface="+mn-cs"/>
                </a:rPr>
                <a:t>Etkinlik için tıklayınız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474075471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1" y="-21578"/>
            <a:ext cx="12186017" cy="193576"/>
            <a:chOff x="0" y="0"/>
            <a:chExt cx="6355159" cy="378290"/>
          </a:xfrm>
          <a:solidFill>
            <a:srgbClr val="34ADF5"/>
          </a:solidFill>
        </p:grpSpPr>
        <p:sp>
          <p:nvSpPr>
            <p:cNvPr id="3" name="Freeform 3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609660">
                <a:defRPr/>
              </a:pPr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algn="ctr" defTabSz="609660">
                <a:lnSpc>
                  <a:spcPts val="415"/>
                </a:lnSpc>
                <a:defRPr/>
              </a:pPr>
              <a:endParaRPr sz="1200">
                <a:solidFill>
                  <a:prstClr val="black"/>
                </a:solidFill>
                <a:latin typeface="Calibri"/>
              </a:endParaRPr>
            </a:p>
          </p:txBody>
        </p:sp>
      </p:grpSp>
      <p:grpSp>
        <p:nvGrpSpPr>
          <p:cNvPr id="17" name="Group 17"/>
          <p:cNvGrpSpPr/>
          <p:nvPr/>
        </p:nvGrpSpPr>
        <p:grpSpPr>
          <a:xfrm>
            <a:off x="2409292" y="6725978"/>
            <a:ext cx="9776726" cy="149298"/>
            <a:chOff x="0" y="0"/>
            <a:chExt cx="6355159" cy="378290"/>
          </a:xfrm>
          <a:solidFill>
            <a:srgbClr val="34ADF5"/>
          </a:solidFill>
        </p:grpSpPr>
        <p:sp>
          <p:nvSpPr>
            <p:cNvPr id="18" name="Freeform 18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609660">
                <a:defRPr/>
              </a:pPr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algn="ctr" defTabSz="609660">
                <a:lnSpc>
                  <a:spcPts val="415"/>
                </a:lnSpc>
                <a:defRPr/>
              </a:pPr>
              <a:endParaRPr sz="1200"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24" name="Freeform 24"/>
          <p:cNvSpPr/>
          <p:nvPr/>
        </p:nvSpPr>
        <p:spPr>
          <a:xfrm>
            <a:off x="7208875" y="754912"/>
            <a:ext cx="4977143" cy="5612600"/>
          </a:xfrm>
          <a:custGeom>
            <a:avLst/>
            <a:gdLst/>
            <a:ahLst/>
            <a:cxnLst/>
            <a:rect l="l" t="t" r="r" b="b"/>
            <a:pathLst>
              <a:path w="5778062" h="5778062">
                <a:moveTo>
                  <a:pt x="0" y="0"/>
                </a:moveTo>
                <a:lnTo>
                  <a:pt x="5778063" y="0"/>
                </a:lnTo>
                <a:lnTo>
                  <a:pt x="5778063" y="5778062"/>
                </a:lnTo>
                <a:lnTo>
                  <a:pt x="0" y="577806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defTabSz="60966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1454267" y="671383"/>
            <a:ext cx="4478017" cy="662938"/>
          </a:xfrm>
          <a:prstGeom prst="rect">
            <a:avLst/>
          </a:prstGeom>
          <a:solidFill>
            <a:srgbClr val="FDF7F5"/>
          </a:solidFill>
        </p:spPr>
        <p:txBody>
          <a:bodyPr wrap="square" lIns="0" tIns="0" rIns="0" bIns="0" rtlCol="0" anchor="t">
            <a:spAutoFit/>
          </a:bodyPr>
          <a:lstStyle/>
          <a:p>
            <a:pPr defTabSz="609660">
              <a:lnSpc>
                <a:spcPts val="5846"/>
              </a:lnSpc>
              <a:defRPr/>
            </a:pPr>
            <a:r>
              <a:rPr lang="en-US" sz="3600" spc="83" dirty="0">
                <a:solidFill>
                  <a:srgbClr val="4F4C4C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MUSTAFA YILDIRIM</a:t>
            </a:r>
          </a:p>
        </p:txBody>
      </p:sp>
      <p:sp>
        <p:nvSpPr>
          <p:cNvPr id="31" name="TextBox 31"/>
          <p:cNvSpPr txBox="1"/>
          <p:nvPr/>
        </p:nvSpPr>
        <p:spPr>
          <a:xfrm>
            <a:off x="189551" y="1339849"/>
            <a:ext cx="7218045" cy="39703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609660">
              <a:lnSpc>
                <a:spcPts val="3420"/>
              </a:lnSpc>
              <a:defRPr/>
            </a:pPr>
            <a:r>
              <a:rPr lang="en-US" sz="2400" dirty="0">
                <a:solidFill>
                  <a:srgbClr val="34ADF5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DİN KÜLTÜRÜ VE AHLAK BİLGİSİ ÖĞRETMENİ</a:t>
            </a:r>
          </a:p>
        </p:txBody>
      </p:sp>
      <p:sp>
        <p:nvSpPr>
          <p:cNvPr id="32" name="TextBox 32"/>
          <p:cNvSpPr txBox="1"/>
          <p:nvPr/>
        </p:nvSpPr>
        <p:spPr>
          <a:xfrm>
            <a:off x="1315301" y="2390702"/>
            <a:ext cx="4249688" cy="45634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609660">
              <a:lnSpc>
                <a:spcPts val="3852"/>
              </a:lnSpc>
              <a:defRPr/>
            </a:pPr>
            <a:r>
              <a:rPr lang="en-US" sz="2400" spc="31" dirty="0">
                <a:solidFill>
                  <a:srgbClr val="4F4C4C"/>
                </a:solidFill>
                <a:latin typeface="Calibri"/>
              </a:rPr>
              <a:t>www.dindersimateryal.com</a:t>
            </a:r>
          </a:p>
        </p:txBody>
      </p:sp>
      <p:sp>
        <p:nvSpPr>
          <p:cNvPr id="40" name="Freeform 26">
            <a:hlinkClick r:id="rId5"/>
            <a:extLst>
              <a:ext uri="{FF2B5EF4-FFF2-40B4-BE49-F238E27FC236}">
                <a16:creationId xmlns:a16="http://schemas.microsoft.com/office/drawing/2014/main" id="{0F1ECF8B-A9EF-DBDA-9C9E-593E2186275D}"/>
              </a:ext>
            </a:extLst>
          </p:cNvPr>
          <p:cNvSpPr/>
          <p:nvPr/>
        </p:nvSpPr>
        <p:spPr>
          <a:xfrm>
            <a:off x="381565" y="3232438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609660">
              <a:defRPr/>
            </a:pPr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4" name="Freeform 30">
            <a:hlinkClick r:id="rId6"/>
            <a:extLst>
              <a:ext uri="{FF2B5EF4-FFF2-40B4-BE49-F238E27FC236}">
                <a16:creationId xmlns:a16="http://schemas.microsoft.com/office/drawing/2014/main" id="{96B76201-8A16-0B6C-9A7C-D2D4AD3F8CE8}"/>
              </a:ext>
            </a:extLst>
          </p:cNvPr>
          <p:cNvSpPr/>
          <p:nvPr/>
        </p:nvSpPr>
        <p:spPr>
          <a:xfrm>
            <a:off x="381565" y="4251627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60966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6" name="Freeform 32">
            <a:hlinkClick r:id="rId6"/>
            <a:extLst>
              <a:ext uri="{FF2B5EF4-FFF2-40B4-BE49-F238E27FC236}">
                <a16:creationId xmlns:a16="http://schemas.microsoft.com/office/drawing/2014/main" id="{E084193D-FFF4-8C43-63FC-081DCB4030C2}"/>
              </a:ext>
            </a:extLst>
          </p:cNvPr>
          <p:cNvSpPr/>
          <p:nvPr/>
        </p:nvSpPr>
        <p:spPr>
          <a:xfrm>
            <a:off x="515604" y="4394556"/>
            <a:ext cx="618314" cy="600537"/>
          </a:xfrm>
          <a:custGeom>
            <a:avLst/>
            <a:gdLst/>
            <a:ahLst/>
            <a:cxnLst/>
            <a:rect l="l" t="t" r="r" b="b"/>
            <a:pathLst>
              <a:path w="745110" h="723688">
                <a:moveTo>
                  <a:pt x="0" y="0"/>
                </a:moveTo>
                <a:lnTo>
                  <a:pt x="745110" y="0"/>
                </a:lnTo>
                <a:lnTo>
                  <a:pt x="745110" y="723689"/>
                </a:lnTo>
                <a:lnTo>
                  <a:pt x="0" y="723689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60">
              <a:defRPr/>
            </a:pPr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7" name="Freeform 33">
            <a:hlinkClick r:id="rId5"/>
            <a:extLst>
              <a:ext uri="{FF2B5EF4-FFF2-40B4-BE49-F238E27FC236}">
                <a16:creationId xmlns:a16="http://schemas.microsoft.com/office/drawing/2014/main" id="{45ED86CA-DED7-1114-1799-C4B31903F606}"/>
              </a:ext>
            </a:extLst>
          </p:cNvPr>
          <p:cNvSpPr/>
          <p:nvPr/>
        </p:nvSpPr>
        <p:spPr>
          <a:xfrm>
            <a:off x="499317" y="3350190"/>
            <a:ext cx="650891" cy="650891"/>
          </a:xfrm>
          <a:custGeom>
            <a:avLst/>
            <a:gdLst/>
            <a:ahLst/>
            <a:cxnLst/>
            <a:rect l="l" t="t" r="r" b="b"/>
            <a:pathLst>
              <a:path w="976336" h="976336">
                <a:moveTo>
                  <a:pt x="0" y="0"/>
                </a:moveTo>
                <a:lnTo>
                  <a:pt x="976336" y="0"/>
                </a:lnTo>
                <a:lnTo>
                  <a:pt x="976336" y="976336"/>
                </a:lnTo>
                <a:lnTo>
                  <a:pt x="0" y="976336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  <a:ln cap="sq">
            <a:noFill/>
            <a:prstDash val="solid"/>
            <a:miter/>
          </a:ln>
        </p:spPr>
        <p:txBody>
          <a:bodyPr/>
          <a:lstStyle/>
          <a:p>
            <a:pPr defTabSz="609660">
              <a:defRPr/>
            </a:pPr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9" name="TextBox 32">
            <a:extLst>
              <a:ext uri="{FF2B5EF4-FFF2-40B4-BE49-F238E27FC236}">
                <a16:creationId xmlns:a16="http://schemas.microsoft.com/office/drawing/2014/main" id="{397FB586-151D-101B-6DB2-44BBF9717EF3}"/>
              </a:ext>
            </a:extLst>
          </p:cNvPr>
          <p:cNvSpPr txBox="1"/>
          <p:nvPr/>
        </p:nvSpPr>
        <p:spPr>
          <a:xfrm>
            <a:off x="1315302" y="3428677"/>
            <a:ext cx="2810132" cy="45634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609660">
              <a:lnSpc>
                <a:spcPts val="3852"/>
              </a:lnSpc>
              <a:defRPr/>
            </a:pPr>
            <a:r>
              <a:rPr lang="en-US" sz="2400" spc="31" dirty="0">
                <a:solidFill>
                  <a:srgbClr val="4F4C4C"/>
                </a:solidFill>
                <a:latin typeface="Calibri"/>
              </a:rPr>
              <a:t>mustafa_yildirim129</a:t>
            </a:r>
          </a:p>
        </p:txBody>
      </p:sp>
      <p:sp>
        <p:nvSpPr>
          <p:cNvPr id="50" name="TextBox 32">
            <a:extLst>
              <a:ext uri="{FF2B5EF4-FFF2-40B4-BE49-F238E27FC236}">
                <a16:creationId xmlns:a16="http://schemas.microsoft.com/office/drawing/2014/main" id="{4DD7BF1C-DEC9-F6C3-8AC2-90B3DD2F1541}"/>
              </a:ext>
            </a:extLst>
          </p:cNvPr>
          <p:cNvSpPr txBox="1"/>
          <p:nvPr/>
        </p:nvSpPr>
        <p:spPr>
          <a:xfrm>
            <a:off x="1344453" y="4466652"/>
            <a:ext cx="4249688" cy="45634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609660">
              <a:lnSpc>
                <a:spcPts val="3852"/>
              </a:lnSpc>
              <a:defRPr/>
            </a:pPr>
            <a:r>
              <a:rPr lang="en-US" sz="2400" spc="31" dirty="0">
                <a:solidFill>
                  <a:srgbClr val="4F4C4C"/>
                </a:solidFill>
                <a:latin typeface="Calibri"/>
              </a:rPr>
              <a:t>t.me/</a:t>
            </a:r>
            <a:r>
              <a:rPr lang="en-US" sz="2400" spc="31" dirty="0" err="1">
                <a:solidFill>
                  <a:srgbClr val="4F4C4C"/>
                </a:solidFill>
                <a:latin typeface="Calibri"/>
              </a:rPr>
              <a:t>Dindersimateryalcom</a:t>
            </a:r>
            <a:endParaRPr lang="en-US" sz="2400" spc="31" dirty="0">
              <a:solidFill>
                <a:srgbClr val="4F4C4C"/>
              </a:solidFill>
              <a:latin typeface="Calibri"/>
            </a:endParaRPr>
          </a:p>
        </p:txBody>
      </p:sp>
      <p:sp>
        <p:nvSpPr>
          <p:cNvPr id="20" name="Dikdörtgen: Çapraz Köşeleri Kesik 19">
            <a:extLst>
              <a:ext uri="{FF2B5EF4-FFF2-40B4-BE49-F238E27FC236}">
                <a16:creationId xmlns:a16="http://schemas.microsoft.com/office/drawing/2014/main" id="{A8E4C9BC-68A6-D236-991F-B94CFE51A5F6}"/>
              </a:ext>
            </a:extLst>
          </p:cNvPr>
          <p:cNvSpPr/>
          <p:nvPr/>
        </p:nvSpPr>
        <p:spPr>
          <a:xfrm>
            <a:off x="0" y="6300345"/>
            <a:ext cx="2555318" cy="574931"/>
          </a:xfrm>
          <a:prstGeom prst="snip2DiagRect">
            <a:avLst>
              <a:gd name="adj1" fmla="val 0"/>
              <a:gd name="adj2" fmla="val 13951"/>
            </a:avLst>
          </a:prstGeom>
          <a:solidFill>
            <a:srgbClr val="34ADF5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4446">
              <a:defRPr/>
            </a:pPr>
            <a:endParaRPr lang="tr-TR">
              <a:solidFill>
                <a:prstClr val="white"/>
              </a:solidFill>
              <a:latin typeface="Aptos" panose="02110004020202020204"/>
            </a:endParaRPr>
          </a:p>
        </p:txBody>
      </p:sp>
      <p:sp>
        <p:nvSpPr>
          <p:cNvPr id="25" name="Freeform 26">
            <a:hlinkClick r:id="rId11"/>
            <a:extLst>
              <a:ext uri="{FF2B5EF4-FFF2-40B4-BE49-F238E27FC236}">
                <a16:creationId xmlns:a16="http://schemas.microsoft.com/office/drawing/2014/main" id="{15BD4A1E-862B-3E27-AAF4-D7BE6547A232}"/>
              </a:ext>
            </a:extLst>
          </p:cNvPr>
          <p:cNvSpPr/>
          <p:nvPr/>
        </p:nvSpPr>
        <p:spPr>
          <a:xfrm>
            <a:off x="381565" y="2213249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609660">
              <a:defRPr/>
            </a:pPr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26" name="Freeform 34">
            <a:hlinkClick r:id="rId11"/>
            <a:extLst>
              <a:ext uri="{FF2B5EF4-FFF2-40B4-BE49-F238E27FC236}">
                <a16:creationId xmlns:a16="http://schemas.microsoft.com/office/drawing/2014/main" id="{D7FA7AE3-A9C8-0347-F9F6-7FBCED15D233}"/>
              </a:ext>
            </a:extLst>
          </p:cNvPr>
          <p:cNvSpPr/>
          <p:nvPr/>
        </p:nvSpPr>
        <p:spPr>
          <a:xfrm>
            <a:off x="446630" y="2290132"/>
            <a:ext cx="756262" cy="732629"/>
          </a:xfrm>
          <a:custGeom>
            <a:avLst/>
            <a:gdLst/>
            <a:ahLst/>
            <a:cxnLst/>
            <a:rect l="l" t="t" r="r" b="b"/>
            <a:pathLst>
              <a:path w="1862481" h="1804278">
                <a:moveTo>
                  <a:pt x="0" y="0"/>
                </a:moveTo>
                <a:lnTo>
                  <a:pt x="1862480" y="0"/>
                </a:lnTo>
                <a:lnTo>
                  <a:pt x="1862480" y="1804278"/>
                </a:lnTo>
                <a:lnTo>
                  <a:pt x="0" y="1804278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914446">
              <a:defRPr/>
            </a:pPr>
            <a:endParaRPr lang="tr-TR">
              <a:solidFill>
                <a:prstClr val="black"/>
              </a:solidFill>
              <a:latin typeface="Aptos" panose="02110004020202020204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Çapraz Köşesi Kesik Dikdörtgen 3"/>
          <p:cNvSpPr/>
          <p:nvPr/>
        </p:nvSpPr>
        <p:spPr>
          <a:xfrm>
            <a:off x="308759" y="2695698"/>
            <a:ext cx="3942608" cy="1074145"/>
          </a:xfrm>
          <a:prstGeom prst="snip2DiagRect">
            <a:avLst>
              <a:gd name="adj1" fmla="val 0"/>
              <a:gd name="adj2" fmla="val 2880"/>
            </a:avLst>
          </a:prstGeom>
          <a:solidFill>
            <a:srgbClr val="039093"/>
          </a:solidFill>
          <a:ln w="38100"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000">
                <a:solidFill>
                  <a:schemeClr val="bg1"/>
                </a:solidFill>
              </a:rPr>
              <a:t>Sübhaneke duası</a:t>
            </a:r>
            <a:endParaRPr lang="tr-TR" sz="4000" dirty="0">
              <a:solidFill>
                <a:schemeClr val="bg1"/>
              </a:solidFill>
            </a:endParaRPr>
          </a:p>
        </p:txBody>
      </p:sp>
      <p:grpSp>
        <p:nvGrpSpPr>
          <p:cNvPr id="75" name="Grup 74"/>
          <p:cNvGrpSpPr/>
          <p:nvPr/>
        </p:nvGrpSpPr>
        <p:grpSpPr>
          <a:xfrm>
            <a:off x="4769119" y="1158633"/>
            <a:ext cx="6554506" cy="960600"/>
            <a:chOff x="4783187" y="1735408"/>
            <a:chExt cx="6554506" cy="960600"/>
          </a:xfrm>
        </p:grpSpPr>
        <p:sp>
          <p:nvSpPr>
            <p:cNvPr id="37" name="Google Shape;1238;p31"/>
            <p:cNvSpPr/>
            <p:nvPr/>
          </p:nvSpPr>
          <p:spPr>
            <a:xfrm>
              <a:off x="4786297" y="1735408"/>
              <a:ext cx="5514202" cy="960600"/>
            </a:xfrm>
            <a:prstGeom prst="rect">
              <a:avLst/>
            </a:prstGeom>
            <a:solidFill>
              <a:srgbClr val="539792">
                <a:alpha val="12549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38" name="Google Shape;1239;p31"/>
            <p:cNvSpPr/>
            <p:nvPr/>
          </p:nvSpPr>
          <p:spPr>
            <a:xfrm>
              <a:off x="10283202" y="1735408"/>
              <a:ext cx="1054491" cy="960600"/>
            </a:xfrm>
            <a:prstGeom prst="rect">
              <a:avLst/>
            </a:prstGeom>
            <a:solidFill>
              <a:srgbClr val="53979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r>
                <a:rPr kumimoji="0" lang="tr-TR" sz="4400" b="0" i="0" u="none" strike="noStrike" kern="0" cap="none" spc="0" normalizeH="0" baseline="0" noProof="0" dirty="0">
                  <a:ln>
                    <a:noFill/>
                  </a:ln>
                  <a:solidFill>
                    <a:schemeClr val="bg1"/>
                  </a:solidFill>
                  <a:effectLst/>
                  <a:uLnTx/>
                  <a:uFillTx/>
                  <a:latin typeface="Arial"/>
                  <a:cs typeface="Arial"/>
                  <a:sym typeface="Arial"/>
                </a:rPr>
                <a:t>1</a:t>
              </a:r>
              <a:endParaRPr kumimoji="0" sz="4400" b="0" i="0" u="none" strike="noStrike" kern="0" cap="none" spc="0" normalizeH="0" baseline="0" noProof="0" dirty="0">
                <a:ln>
                  <a:noFill/>
                </a:ln>
                <a:solidFill>
                  <a:schemeClr val="bg1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67" name="Dikdörtgen 66"/>
            <p:cNvSpPr/>
            <p:nvPr/>
          </p:nvSpPr>
          <p:spPr>
            <a:xfrm>
              <a:off x="4783187" y="1923321"/>
              <a:ext cx="5520422" cy="584775"/>
            </a:xfrm>
            <a:prstGeom prst="rect">
              <a:avLst/>
            </a:prstGeom>
          </p:spPr>
          <p:txBody>
            <a:bodyPr wrap="none">
              <a:spAutoFit/>
            </a:bodyPr>
            <a:lstStyle/>
            <a:p>
              <a:r>
                <a:rPr lang="tr-TR" sz="3200" dirty="0"/>
                <a:t>Allah’ın (c.c.) yüceliği ifade eder.</a:t>
              </a:r>
            </a:p>
          </p:txBody>
        </p:sp>
      </p:grpSp>
      <p:grpSp>
        <p:nvGrpSpPr>
          <p:cNvPr id="76" name="Grup 75"/>
          <p:cNvGrpSpPr/>
          <p:nvPr/>
        </p:nvGrpSpPr>
        <p:grpSpPr>
          <a:xfrm>
            <a:off x="4769119" y="2809243"/>
            <a:ext cx="6552951" cy="960600"/>
            <a:chOff x="4810533" y="3364916"/>
            <a:chExt cx="6552951" cy="960600"/>
          </a:xfrm>
        </p:grpSpPr>
        <p:sp>
          <p:nvSpPr>
            <p:cNvPr id="69" name="Google Shape;1238;p31"/>
            <p:cNvSpPr/>
            <p:nvPr/>
          </p:nvSpPr>
          <p:spPr>
            <a:xfrm>
              <a:off x="4810533" y="3364916"/>
              <a:ext cx="5514202" cy="960600"/>
            </a:xfrm>
            <a:prstGeom prst="rect">
              <a:avLst/>
            </a:prstGeom>
            <a:solidFill>
              <a:srgbClr val="539792">
                <a:alpha val="12549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70" name="Google Shape;1239;p31"/>
            <p:cNvSpPr/>
            <p:nvPr/>
          </p:nvSpPr>
          <p:spPr>
            <a:xfrm>
              <a:off x="10308993" y="3364916"/>
              <a:ext cx="1054491" cy="960600"/>
            </a:xfrm>
            <a:prstGeom prst="rect">
              <a:avLst/>
            </a:prstGeom>
            <a:solidFill>
              <a:srgbClr val="53979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r>
                <a:rPr kumimoji="0" lang="tr-TR" sz="4400" b="0" i="0" u="none" strike="noStrike" kern="0" cap="none" spc="0" normalizeH="0" baseline="0" noProof="0" dirty="0">
                  <a:ln>
                    <a:noFill/>
                  </a:ln>
                  <a:solidFill>
                    <a:schemeClr val="bg1"/>
                  </a:solidFill>
                  <a:effectLst/>
                  <a:uLnTx/>
                  <a:uFillTx/>
                  <a:latin typeface="Arial"/>
                  <a:cs typeface="Arial"/>
                  <a:sym typeface="Arial"/>
                </a:rPr>
                <a:t>2</a:t>
              </a:r>
              <a:endParaRPr kumimoji="0" sz="4400" b="0" i="0" u="none" strike="noStrike" kern="0" cap="none" spc="0" normalizeH="0" baseline="0" noProof="0" dirty="0">
                <a:ln>
                  <a:noFill/>
                </a:ln>
                <a:solidFill>
                  <a:schemeClr val="bg1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71" name="Dikdörtgen 70"/>
            <p:cNvSpPr/>
            <p:nvPr/>
          </p:nvSpPr>
          <p:spPr>
            <a:xfrm>
              <a:off x="5838443" y="3552829"/>
              <a:ext cx="3521285" cy="584775"/>
            </a:xfrm>
            <a:prstGeom prst="rect">
              <a:avLst/>
            </a:prstGeom>
          </p:spPr>
          <p:txBody>
            <a:bodyPr wrap="none">
              <a:spAutoFit/>
            </a:bodyPr>
            <a:lstStyle/>
            <a:p>
              <a:r>
                <a:rPr lang="tr-TR" sz="3200" dirty="0"/>
                <a:t>Namazlarda okunur.</a:t>
              </a:r>
            </a:p>
          </p:txBody>
        </p:sp>
      </p:grpSp>
      <p:grpSp>
        <p:nvGrpSpPr>
          <p:cNvPr id="77" name="Grup 76"/>
          <p:cNvGrpSpPr/>
          <p:nvPr/>
        </p:nvGrpSpPr>
        <p:grpSpPr>
          <a:xfrm>
            <a:off x="4769119" y="4459852"/>
            <a:ext cx="6552951" cy="960600"/>
            <a:chOff x="4836324" y="5036627"/>
            <a:chExt cx="6552951" cy="960600"/>
          </a:xfrm>
        </p:grpSpPr>
        <p:sp>
          <p:nvSpPr>
            <p:cNvPr id="72" name="Google Shape;1238;p31"/>
            <p:cNvSpPr/>
            <p:nvPr/>
          </p:nvSpPr>
          <p:spPr>
            <a:xfrm>
              <a:off x="4836324" y="5036627"/>
              <a:ext cx="5514202" cy="960600"/>
            </a:xfrm>
            <a:prstGeom prst="rect">
              <a:avLst/>
            </a:prstGeom>
            <a:solidFill>
              <a:srgbClr val="539792">
                <a:alpha val="12549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73" name="Google Shape;1239;p31"/>
            <p:cNvSpPr/>
            <p:nvPr/>
          </p:nvSpPr>
          <p:spPr>
            <a:xfrm>
              <a:off x="10334784" y="5036627"/>
              <a:ext cx="1054491" cy="960600"/>
            </a:xfrm>
            <a:prstGeom prst="rect">
              <a:avLst/>
            </a:prstGeom>
            <a:solidFill>
              <a:srgbClr val="53979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r>
                <a:rPr kumimoji="0" lang="tr-TR" sz="4400" b="0" i="0" u="none" strike="noStrike" kern="0" cap="none" spc="0" normalizeH="0" baseline="0" noProof="0" dirty="0">
                  <a:ln>
                    <a:noFill/>
                  </a:ln>
                  <a:solidFill>
                    <a:schemeClr val="bg1"/>
                  </a:solidFill>
                  <a:effectLst/>
                  <a:uLnTx/>
                  <a:uFillTx/>
                  <a:latin typeface="Arial"/>
                  <a:cs typeface="Arial"/>
                  <a:sym typeface="Arial"/>
                </a:rPr>
                <a:t>3</a:t>
              </a:r>
              <a:endParaRPr kumimoji="0" sz="4400" b="0" i="0" u="none" strike="noStrike" kern="0" cap="none" spc="0" normalizeH="0" baseline="0" noProof="0" dirty="0">
                <a:ln>
                  <a:noFill/>
                </a:ln>
                <a:solidFill>
                  <a:schemeClr val="bg1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74" name="Dikdörtgen 73"/>
            <p:cNvSpPr/>
            <p:nvPr/>
          </p:nvSpPr>
          <p:spPr>
            <a:xfrm>
              <a:off x="5031474" y="5224540"/>
              <a:ext cx="5075813" cy="584775"/>
            </a:xfrm>
            <a:prstGeom prst="rect">
              <a:avLst/>
            </a:prstGeom>
          </p:spPr>
          <p:txBody>
            <a:bodyPr wrap="none">
              <a:spAutoFit/>
            </a:bodyPr>
            <a:lstStyle/>
            <a:p>
              <a:r>
                <a:rPr lang="tr-TR" sz="3200"/>
                <a:t>Cenaze namazlarında </a:t>
              </a:r>
              <a:r>
                <a:rPr lang="tr-TR" sz="3200" dirty="0"/>
                <a:t>okunur.</a:t>
              </a:r>
            </a:p>
          </p:txBody>
        </p:sp>
      </p:grpSp>
      <p:pic>
        <p:nvPicPr>
          <p:cNvPr id="78" name="Picture 6" descr="Ä°lgili resim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542" t="13601" r="4359" b="5180"/>
          <a:stretch/>
        </p:blipFill>
        <p:spPr bwMode="auto">
          <a:xfrm flipH="1">
            <a:off x="529537" y="143927"/>
            <a:ext cx="2956955" cy="279399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9" name="Picture 2" descr="namaz Ã§ocuk ile ilgili gÃ¶rsel sonucu"/>
          <p:cNvPicPr>
            <a:picLocks noChangeAspect="1" noChangeArrowheads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5677" r="126" b="12476"/>
          <a:stretch/>
        </p:blipFill>
        <p:spPr bwMode="auto">
          <a:xfrm>
            <a:off x="170779" y="3581931"/>
            <a:ext cx="4418933" cy="296740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6989692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Yuvarlatılmış Dikdörtgen 1"/>
          <p:cNvSpPr/>
          <p:nvPr/>
        </p:nvSpPr>
        <p:spPr>
          <a:xfrm>
            <a:off x="2911559" y="249733"/>
            <a:ext cx="6036375" cy="582264"/>
          </a:xfrm>
          <a:prstGeom prst="roundRect">
            <a:avLst/>
          </a:prstGeom>
          <a:solidFill>
            <a:schemeClr val="accent2">
              <a:lumMod val="60000"/>
              <a:lumOff val="4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 err="1">
                <a:solidFill>
                  <a:schemeClr val="tx1"/>
                </a:solidFill>
              </a:rPr>
              <a:t>Sübhaneke</a:t>
            </a:r>
            <a:r>
              <a:rPr lang="tr-TR" sz="3600" dirty="0">
                <a:solidFill>
                  <a:schemeClr val="tx1"/>
                </a:solidFill>
              </a:rPr>
              <a:t> duası</a:t>
            </a:r>
          </a:p>
        </p:txBody>
      </p:sp>
      <p:pic>
        <p:nvPicPr>
          <p:cNvPr id="3" name="Resim 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895" y="1073138"/>
            <a:ext cx="6043835" cy="3934508"/>
          </a:xfrm>
          <a:prstGeom prst="rect">
            <a:avLst/>
          </a:prstGeom>
        </p:spPr>
      </p:pic>
      <p:sp>
        <p:nvSpPr>
          <p:cNvPr id="4" name="Dikdörtgen 3"/>
          <p:cNvSpPr/>
          <p:nvPr/>
        </p:nvSpPr>
        <p:spPr>
          <a:xfrm>
            <a:off x="6470225" y="1221994"/>
            <a:ext cx="5416975" cy="3785652"/>
          </a:xfrm>
          <a:prstGeom prst="rect">
            <a:avLst/>
          </a:prstGeom>
          <a:ln w="38100">
            <a:solidFill>
              <a:srgbClr val="7030A0"/>
            </a:solidFill>
          </a:ln>
        </p:spPr>
        <p:txBody>
          <a:bodyPr wrap="square">
            <a:spAutoFit/>
          </a:bodyPr>
          <a:lstStyle/>
          <a:p>
            <a:r>
              <a:rPr lang="tr-TR" sz="4000" dirty="0" err="1"/>
              <a:t>Sübhâneke</a:t>
            </a:r>
            <a:r>
              <a:rPr lang="tr-TR" sz="4000" dirty="0"/>
              <a:t> </a:t>
            </a:r>
            <a:r>
              <a:rPr lang="tr-TR" sz="4000" dirty="0" err="1"/>
              <a:t>Allâhümme</a:t>
            </a:r>
            <a:endParaRPr lang="tr-TR" sz="4000" dirty="0"/>
          </a:p>
          <a:p>
            <a:r>
              <a:rPr lang="tr-TR" sz="4000" dirty="0"/>
              <a:t>Ve </a:t>
            </a:r>
            <a:r>
              <a:rPr lang="tr-TR" sz="4000" dirty="0" err="1"/>
              <a:t>bi</a:t>
            </a:r>
            <a:r>
              <a:rPr lang="tr-TR" sz="4000" dirty="0"/>
              <a:t> </a:t>
            </a:r>
            <a:r>
              <a:rPr lang="tr-TR" sz="4000" dirty="0" err="1"/>
              <a:t>hamdik</a:t>
            </a:r>
            <a:r>
              <a:rPr lang="tr-TR" sz="4000" dirty="0"/>
              <a:t>. </a:t>
            </a:r>
          </a:p>
          <a:p>
            <a:r>
              <a:rPr lang="tr-TR" sz="4000" dirty="0"/>
              <a:t>Ve </a:t>
            </a:r>
            <a:r>
              <a:rPr lang="tr-TR" sz="4000" dirty="0" err="1"/>
              <a:t>tebâra</a:t>
            </a:r>
            <a:r>
              <a:rPr lang="tr-TR" sz="4000" dirty="0"/>
              <a:t> </a:t>
            </a:r>
            <a:r>
              <a:rPr lang="tr-TR" sz="4000" dirty="0" err="1"/>
              <a:t>kesmük</a:t>
            </a:r>
            <a:r>
              <a:rPr lang="tr-TR" sz="4000" dirty="0"/>
              <a:t>.</a:t>
            </a:r>
          </a:p>
          <a:p>
            <a:r>
              <a:rPr lang="tr-TR" sz="4000" dirty="0"/>
              <a:t>Ve </a:t>
            </a:r>
            <a:r>
              <a:rPr lang="tr-TR" sz="4000" dirty="0" err="1"/>
              <a:t>teâlâ</a:t>
            </a:r>
            <a:r>
              <a:rPr lang="tr-TR" sz="4000" dirty="0"/>
              <a:t> </a:t>
            </a:r>
            <a:r>
              <a:rPr lang="tr-TR" sz="4000" dirty="0" err="1"/>
              <a:t>ceddük</a:t>
            </a:r>
            <a:r>
              <a:rPr lang="tr-TR" sz="4000" dirty="0"/>
              <a:t>.</a:t>
            </a:r>
          </a:p>
          <a:p>
            <a:r>
              <a:rPr lang="tr-TR" sz="4000" dirty="0"/>
              <a:t>Ve </a:t>
            </a:r>
            <a:r>
              <a:rPr lang="tr-TR" sz="4000" dirty="0" err="1"/>
              <a:t>celle</a:t>
            </a:r>
            <a:r>
              <a:rPr lang="tr-TR" sz="4000" dirty="0"/>
              <a:t> senâük.</a:t>
            </a:r>
            <a:r>
              <a:rPr lang="tr-TR" sz="4000" b="0" i="0" u="none" strike="noStrike" baseline="0" dirty="0"/>
              <a:t>* </a:t>
            </a:r>
          </a:p>
          <a:p>
            <a:r>
              <a:rPr lang="tr-TR" sz="4000" dirty="0"/>
              <a:t>Ve lâ ilâhe </a:t>
            </a:r>
            <a:r>
              <a:rPr lang="tr-TR" sz="4000" dirty="0" err="1"/>
              <a:t>ğayruk</a:t>
            </a:r>
            <a:r>
              <a:rPr lang="tr-TR" sz="4000" dirty="0"/>
              <a:t>.</a:t>
            </a:r>
          </a:p>
        </p:txBody>
      </p:sp>
      <p:sp>
        <p:nvSpPr>
          <p:cNvPr id="8" name="Serbest Form 7"/>
          <p:cNvSpPr/>
          <p:nvPr/>
        </p:nvSpPr>
        <p:spPr>
          <a:xfrm>
            <a:off x="1283424" y="5225377"/>
            <a:ext cx="3490457" cy="1002890"/>
          </a:xfrm>
          <a:custGeom>
            <a:avLst/>
            <a:gdLst>
              <a:gd name="connsiteX0" fmla="*/ 18370 w 2342734"/>
              <a:gd name="connsiteY0" fmla="*/ 0 h 1002890"/>
              <a:gd name="connsiteX1" fmla="*/ 2342734 w 2342734"/>
              <a:gd name="connsiteY1" fmla="*/ 0 h 1002890"/>
              <a:gd name="connsiteX2" fmla="*/ 2342734 w 2342734"/>
              <a:gd name="connsiteY2" fmla="*/ 1002890 h 1002890"/>
              <a:gd name="connsiteX3" fmla="*/ 0 w 2342734"/>
              <a:gd name="connsiteY3" fmla="*/ 1002890 h 1002890"/>
              <a:gd name="connsiteX4" fmla="*/ 81692 w 2342734"/>
              <a:gd name="connsiteY4" fmla="*/ 937289 h 1002890"/>
              <a:gd name="connsiteX5" fmla="*/ 270319 w 2342734"/>
              <a:gd name="connsiteY5" fmla="*/ 494069 h 1002890"/>
              <a:gd name="connsiteX6" fmla="*/ 81692 w 2342734"/>
              <a:gd name="connsiteY6" fmla="*/ 50850 h 100289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2342734" h="1002890">
                <a:moveTo>
                  <a:pt x="18370" y="0"/>
                </a:moveTo>
                <a:lnTo>
                  <a:pt x="2342734" y="0"/>
                </a:lnTo>
                <a:lnTo>
                  <a:pt x="2342734" y="1002890"/>
                </a:lnTo>
                <a:lnTo>
                  <a:pt x="0" y="1002890"/>
                </a:lnTo>
                <a:lnTo>
                  <a:pt x="81692" y="937289"/>
                </a:lnTo>
                <a:cubicBezTo>
                  <a:pt x="198236" y="823859"/>
                  <a:pt x="270319" y="667157"/>
                  <a:pt x="270319" y="494069"/>
                </a:cubicBezTo>
                <a:cubicBezTo>
                  <a:pt x="270319" y="320981"/>
                  <a:pt x="198236" y="164280"/>
                  <a:pt x="81692" y="50850"/>
                </a:cubicBezTo>
                <a:close/>
              </a:path>
            </a:pathLst>
          </a:custGeom>
          <a:solidFill>
            <a:srgbClr val="009999"/>
          </a:solidFill>
          <a:ln w="28575">
            <a:solidFill>
              <a:srgbClr val="FECB4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1"/>
            <a:r>
              <a:rPr lang="tr-TR" sz="2400" dirty="0" err="1"/>
              <a:t>Sübhanek</a:t>
            </a:r>
            <a:r>
              <a:rPr lang="tr-TR" sz="2400" dirty="0"/>
              <a:t> duası dinlemek için tıklayınız</a:t>
            </a:r>
          </a:p>
        </p:txBody>
      </p:sp>
      <p:sp>
        <p:nvSpPr>
          <p:cNvPr id="7" name="Oval 6"/>
          <p:cNvSpPr/>
          <p:nvPr/>
        </p:nvSpPr>
        <p:spPr>
          <a:xfrm>
            <a:off x="418186" y="5100015"/>
            <a:ext cx="1268361" cy="1253613"/>
          </a:xfrm>
          <a:prstGeom prst="ellipse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ECB4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20096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22" presetClass="entr" presetSubtype="4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500"/>
                            </p:stCondLst>
                            <p:childTnLst>
                              <p:par>
                                <p:cTn id="25" presetID="22" presetClass="entr" presetSubtype="4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8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9" fill="hold">
                      <p:stCondLst>
                        <p:cond delay="0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32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32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3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34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5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36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Sübhaneke Duası  Namaz Duaları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000"/>
                            </p:stCondLst>
                            <p:childTnLst>
                              <p:par>
                                <p:cTn id="38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39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0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1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2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3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  <p:bldLst>
      <p:bldP spid="2" grpId="0" animBg="1"/>
      <p:bldP spid="4" grpId="0" animBg="1"/>
      <p:bldP spid="8" grpId="0" animBg="1"/>
      <p:bldP spid="8" grpId="1" animBg="1"/>
      <p:bldP spid="7" grpId="0" animBg="1"/>
      <p:bldP spid="7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Dikdörtgen 8"/>
          <p:cNvSpPr/>
          <p:nvPr>
            <p:custDataLst>
              <p:tags r:id="rId2"/>
            </p:custDataLst>
          </p:nvPr>
        </p:nvSpPr>
        <p:spPr>
          <a:xfrm>
            <a:off x="440033" y="4539383"/>
            <a:ext cx="11566866" cy="1557549"/>
          </a:xfrm>
          <a:prstGeom prst="rect">
            <a:avLst/>
          </a:prstGeom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tr-TR" dirty="0"/>
          </a:p>
        </p:txBody>
      </p:sp>
      <p:sp>
        <p:nvSpPr>
          <p:cNvPr id="10" name="Dikdörtgen 9"/>
          <p:cNvSpPr/>
          <p:nvPr>
            <p:custDataLst>
              <p:tags r:id="rId3"/>
            </p:custDataLst>
          </p:nvPr>
        </p:nvSpPr>
        <p:spPr>
          <a:xfrm>
            <a:off x="631376" y="4935961"/>
            <a:ext cx="2684921" cy="694354"/>
          </a:xfrm>
          <a:prstGeom prst="rect">
            <a:avLst/>
          </a:prstGeom>
          <a:gradFill rotWithShape="1">
            <a:gsLst>
              <a:gs pos="0">
                <a:schemeClr val="accent3">
                  <a:lumMod val="110000"/>
                  <a:satMod val="105000"/>
                  <a:tint val="67000"/>
                </a:schemeClr>
              </a:gs>
              <a:gs pos="50000">
                <a:schemeClr val="accent3">
                  <a:lumMod val="105000"/>
                  <a:satMod val="103000"/>
                  <a:tint val="73000"/>
                </a:schemeClr>
              </a:gs>
              <a:gs pos="100000">
                <a:schemeClr val="accent3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3"/>
            </a:solidFill>
            <a:prstDash val="solid"/>
            <a:miter lim="800000"/>
          </a:ln>
          <a:effectLst/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600" dirty="0" err="1">
                <a:solidFill>
                  <a:schemeClr val="tx1"/>
                </a:solidFill>
              </a:rPr>
              <a:t>hamdik</a:t>
            </a:r>
            <a:endParaRPr lang="tr-TR" sz="3600" dirty="0"/>
          </a:p>
        </p:txBody>
      </p:sp>
      <p:sp>
        <p:nvSpPr>
          <p:cNvPr id="11" name="Dikdörtgen 10"/>
          <p:cNvSpPr/>
          <p:nvPr>
            <p:custDataLst>
              <p:tags r:id="rId4"/>
            </p:custDataLst>
          </p:nvPr>
        </p:nvSpPr>
        <p:spPr>
          <a:xfrm rot="519644">
            <a:off x="5673814" y="5085051"/>
            <a:ext cx="4003570" cy="593831"/>
          </a:xfrm>
          <a:prstGeom prst="rect">
            <a:avLst/>
          </a:prstGeom>
          <a:gradFill rotWithShape="1">
            <a:gsLst>
              <a:gs pos="0">
                <a:schemeClr val="accent1">
                  <a:lumMod val="110000"/>
                  <a:satMod val="105000"/>
                  <a:tint val="67000"/>
                </a:schemeClr>
              </a:gs>
              <a:gs pos="50000">
                <a:schemeClr val="accent1">
                  <a:lumMod val="105000"/>
                  <a:satMod val="103000"/>
                  <a:tint val="73000"/>
                </a:schemeClr>
              </a:gs>
              <a:gs pos="100000">
                <a:schemeClr val="accent1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1"/>
            </a:solidFill>
            <a:prstDash val="solid"/>
            <a:miter lim="800000"/>
          </a:ln>
          <a:effec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200" dirty="0"/>
              <a:t>lâ ilâhe </a:t>
            </a:r>
            <a:r>
              <a:rPr lang="tr-TR" sz="3200" dirty="0" err="1"/>
              <a:t>ğayruk</a:t>
            </a:r>
            <a:endParaRPr lang="tr-TR" sz="3200" dirty="0"/>
          </a:p>
        </p:txBody>
      </p:sp>
      <p:sp>
        <p:nvSpPr>
          <p:cNvPr id="21" name="Dikdörtgen 20"/>
          <p:cNvSpPr/>
          <p:nvPr>
            <p:custDataLst>
              <p:tags r:id="rId5"/>
            </p:custDataLst>
          </p:nvPr>
        </p:nvSpPr>
        <p:spPr>
          <a:xfrm>
            <a:off x="1467036" y="3710330"/>
            <a:ext cx="9321165" cy="710841"/>
          </a:xfrm>
          <a:prstGeom prst="rect">
            <a:avLst/>
          </a:prstGeom>
          <a:solidFill>
            <a:srgbClr val="008080"/>
          </a:solidFill>
          <a:ln w="6350" cap="flat" cmpd="sng" algn="ctr">
            <a:solidFill>
              <a:schemeClr val="accent2"/>
            </a:solidFill>
            <a:prstDash val="solid"/>
            <a:miter lim="800000"/>
          </a:ln>
          <a:effectLst/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lang="tr-TR" sz="3200" dirty="0">
                <a:solidFill>
                  <a:prstClr val="white"/>
                </a:solidFill>
              </a:rPr>
              <a:t>Boşluğa gelecek kelimeyi seçiniz.</a:t>
            </a:r>
          </a:p>
        </p:txBody>
      </p:sp>
      <p:sp>
        <p:nvSpPr>
          <p:cNvPr id="22" name="Dikdörtgen 21"/>
          <p:cNvSpPr/>
          <p:nvPr>
            <p:custDataLst>
              <p:tags r:id="rId6"/>
            </p:custDataLst>
          </p:nvPr>
        </p:nvSpPr>
        <p:spPr>
          <a:xfrm rot="20470353">
            <a:off x="3619141" y="4938576"/>
            <a:ext cx="1792617" cy="591878"/>
          </a:xfrm>
          <a:prstGeom prst="rect">
            <a:avLst/>
          </a:prstGeom>
          <a:gradFill rotWithShape="1">
            <a:gsLst>
              <a:gs pos="0">
                <a:schemeClr val="accent2">
                  <a:lumMod val="110000"/>
                  <a:satMod val="105000"/>
                  <a:tint val="67000"/>
                </a:schemeClr>
              </a:gs>
              <a:gs pos="50000">
                <a:schemeClr val="accent2">
                  <a:lumMod val="105000"/>
                  <a:satMod val="103000"/>
                  <a:tint val="73000"/>
                </a:schemeClr>
              </a:gs>
              <a:gs pos="100000">
                <a:schemeClr val="accent2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2"/>
            </a:solidFill>
            <a:prstDash val="solid"/>
            <a:miter lim="800000"/>
          </a:ln>
          <a:effectLst/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200" dirty="0" err="1"/>
              <a:t>celle</a:t>
            </a:r>
            <a:r>
              <a:rPr lang="tr-TR" sz="3200" dirty="0"/>
              <a:t> </a:t>
            </a:r>
          </a:p>
        </p:txBody>
      </p:sp>
      <p:sp>
        <p:nvSpPr>
          <p:cNvPr id="24" name="Dikdörtgen 23"/>
          <p:cNvSpPr/>
          <p:nvPr>
            <p:custDataLst>
              <p:tags r:id="rId7"/>
            </p:custDataLst>
          </p:nvPr>
        </p:nvSpPr>
        <p:spPr>
          <a:xfrm rot="1581798">
            <a:off x="9951083" y="5023209"/>
            <a:ext cx="1822495" cy="651445"/>
          </a:xfrm>
          <a:prstGeom prst="rect">
            <a:avLst/>
          </a:prstGeom>
          <a:gradFill rotWithShape="1">
            <a:gsLst>
              <a:gs pos="0">
                <a:schemeClr val="accent6">
                  <a:lumMod val="110000"/>
                  <a:satMod val="105000"/>
                  <a:tint val="67000"/>
                </a:schemeClr>
              </a:gs>
              <a:gs pos="50000">
                <a:schemeClr val="accent6">
                  <a:lumMod val="105000"/>
                  <a:satMod val="103000"/>
                  <a:tint val="73000"/>
                </a:schemeClr>
              </a:gs>
              <a:gs pos="100000">
                <a:schemeClr val="accent6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6"/>
            </a:solidFill>
            <a:prstDash val="solid"/>
            <a:miter lim="800000"/>
          </a:ln>
          <a:effectLst/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 err="1"/>
              <a:t>kesmük</a:t>
            </a:r>
            <a:r>
              <a:rPr lang="tr-TR" sz="4000" dirty="0"/>
              <a:t> </a:t>
            </a:r>
          </a:p>
        </p:txBody>
      </p:sp>
      <p:sp>
        <p:nvSpPr>
          <p:cNvPr id="25" name="Serbest Form 24"/>
          <p:cNvSpPr/>
          <p:nvPr/>
        </p:nvSpPr>
        <p:spPr>
          <a:xfrm>
            <a:off x="11097866" y="2276962"/>
            <a:ext cx="680485" cy="1020727"/>
          </a:xfrm>
          <a:custGeom>
            <a:avLst/>
            <a:gdLst>
              <a:gd name="connsiteX0" fmla="*/ 0 w 680485"/>
              <a:gd name="connsiteY0" fmla="*/ 0 h 1020727"/>
              <a:gd name="connsiteX1" fmla="*/ 680485 w 680485"/>
              <a:gd name="connsiteY1" fmla="*/ 510364 h 1020727"/>
              <a:gd name="connsiteX2" fmla="*/ 0 w 680485"/>
              <a:gd name="connsiteY2" fmla="*/ 1020727 h 1020727"/>
              <a:gd name="connsiteX3" fmla="*/ 0 w 680485"/>
              <a:gd name="connsiteY3" fmla="*/ 953082 h 1020727"/>
              <a:gd name="connsiteX4" fmla="*/ 586674 w 680485"/>
              <a:gd name="connsiteY4" fmla="*/ 517459 h 1020727"/>
              <a:gd name="connsiteX5" fmla="*/ 0 w 680485"/>
              <a:gd name="connsiteY5" fmla="*/ 73072 h 102072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680485" h="1020727">
                <a:moveTo>
                  <a:pt x="0" y="0"/>
                </a:moveTo>
                <a:lnTo>
                  <a:pt x="680485" y="510364"/>
                </a:lnTo>
                <a:lnTo>
                  <a:pt x="0" y="1020727"/>
                </a:lnTo>
                <a:lnTo>
                  <a:pt x="0" y="953082"/>
                </a:lnTo>
                <a:lnTo>
                  <a:pt x="586674" y="517459"/>
                </a:lnTo>
                <a:lnTo>
                  <a:pt x="0" y="73072"/>
                </a:lnTo>
                <a:close/>
              </a:path>
            </a:pathLst>
          </a:custGeom>
          <a:solidFill>
            <a:srgbClr val="1AA68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6" name="Dikdörtgen 25">
            <a:hlinkClick r:id="" action="ppaction://hlinkshowjump?jump=nextslide"/>
          </p:cNvPr>
          <p:cNvSpPr/>
          <p:nvPr/>
        </p:nvSpPr>
        <p:spPr>
          <a:xfrm>
            <a:off x="11026262" y="2281075"/>
            <a:ext cx="752089" cy="1020727"/>
          </a:xfrm>
          <a:prstGeom prst="rect">
            <a:avLst/>
          </a:prstGeom>
          <a:gradFill flip="none" rotWithShape="1">
            <a:gsLst>
              <a:gs pos="29000">
                <a:schemeClr val="accent6">
                  <a:lumMod val="0"/>
                  <a:lumOff val="100000"/>
                  <a:alpha val="0"/>
                </a:schemeClr>
              </a:gs>
              <a:gs pos="100000">
                <a:schemeClr val="accent6">
                  <a:lumMod val="100000"/>
                  <a:alpha val="47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solidFill>
              <a:schemeClr val="accent3">
                <a:lumMod val="60000"/>
                <a:lumOff val="40000"/>
              </a:schemeClr>
            </a:solidFill>
          </a:ln>
          <a:effectLst>
            <a:innerShdw blurRad="292100">
              <a:prstClr val="black"/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7" name="Serbest Form 26"/>
          <p:cNvSpPr/>
          <p:nvPr/>
        </p:nvSpPr>
        <p:spPr>
          <a:xfrm rot="10800000">
            <a:off x="231399" y="2254225"/>
            <a:ext cx="862735" cy="1020727"/>
          </a:xfrm>
          <a:custGeom>
            <a:avLst/>
            <a:gdLst>
              <a:gd name="connsiteX0" fmla="*/ 0 w 680485"/>
              <a:gd name="connsiteY0" fmla="*/ 0 h 1020727"/>
              <a:gd name="connsiteX1" fmla="*/ 680485 w 680485"/>
              <a:gd name="connsiteY1" fmla="*/ 510364 h 1020727"/>
              <a:gd name="connsiteX2" fmla="*/ 0 w 680485"/>
              <a:gd name="connsiteY2" fmla="*/ 1020727 h 1020727"/>
              <a:gd name="connsiteX3" fmla="*/ 0 w 680485"/>
              <a:gd name="connsiteY3" fmla="*/ 953082 h 1020727"/>
              <a:gd name="connsiteX4" fmla="*/ 586674 w 680485"/>
              <a:gd name="connsiteY4" fmla="*/ 517459 h 1020727"/>
              <a:gd name="connsiteX5" fmla="*/ 0 w 680485"/>
              <a:gd name="connsiteY5" fmla="*/ 73072 h 102072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680485" h="1020727">
                <a:moveTo>
                  <a:pt x="0" y="0"/>
                </a:moveTo>
                <a:lnTo>
                  <a:pt x="680485" y="510364"/>
                </a:lnTo>
                <a:lnTo>
                  <a:pt x="0" y="1020727"/>
                </a:lnTo>
                <a:lnTo>
                  <a:pt x="0" y="953082"/>
                </a:lnTo>
                <a:lnTo>
                  <a:pt x="586674" y="517459"/>
                </a:lnTo>
                <a:lnTo>
                  <a:pt x="0" y="73072"/>
                </a:lnTo>
                <a:close/>
              </a:path>
            </a:pathLst>
          </a:custGeom>
          <a:solidFill>
            <a:srgbClr val="1AA68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8" name="Dikdörtgen 27">
            <a:hlinkClick r:id="" action="ppaction://hlinkshowjump?jump=previousslide"/>
          </p:cNvPr>
          <p:cNvSpPr/>
          <p:nvPr/>
        </p:nvSpPr>
        <p:spPr>
          <a:xfrm rot="10800000">
            <a:off x="234633" y="2263804"/>
            <a:ext cx="994342" cy="1020727"/>
          </a:xfrm>
          <a:prstGeom prst="rect">
            <a:avLst/>
          </a:prstGeom>
          <a:gradFill flip="none" rotWithShape="1">
            <a:gsLst>
              <a:gs pos="29000">
                <a:schemeClr val="accent6">
                  <a:lumMod val="0"/>
                  <a:lumOff val="100000"/>
                  <a:alpha val="0"/>
                </a:schemeClr>
              </a:gs>
              <a:gs pos="100000">
                <a:schemeClr val="accent6">
                  <a:lumMod val="100000"/>
                  <a:alpha val="47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solidFill>
              <a:schemeClr val="accent3">
                <a:lumMod val="60000"/>
                <a:lumOff val="40000"/>
              </a:schemeClr>
            </a:solidFill>
          </a:ln>
          <a:effectLst>
            <a:innerShdw blurRad="292100">
              <a:prstClr val="black"/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" name="Dikdörtgen 28"/>
          <p:cNvSpPr/>
          <p:nvPr/>
        </p:nvSpPr>
        <p:spPr>
          <a:xfrm>
            <a:off x="1467036" y="2042123"/>
            <a:ext cx="9321165" cy="1498632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400" dirty="0" err="1">
                <a:solidFill>
                  <a:schemeClr val="tx1"/>
                </a:solidFill>
              </a:rPr>
              <a:t>Sübhâneke</a:t>
            </a:r>
            <a:r>
              <a:rPr lang="tr-TR" sz="4400" dirty="0">
                <a:solidFill>
                  <a:schemeClr val="tx1"/>
                </a:solidFill>
              </a:rPr>
              <a:t> </a:t>
            </a:r>
            <a:r>
              <a:rPr lang="tr-TR" sz="4400" dirty="0" err="1">
                <a:solidFill>
                  <a:schemeClr val="tx1"/>
                </a:solidFill>
              </a:rPr>
              <a:t>Allâhümme</a:t>
            </a:r>
            <a:r>
              <a:rPr lang="tr-TR" sz="4400" dirty="0">
                <a:solidFill>
                  <a:schemeClr val="tx1"/>
                </a:solidFill>
              </a:rPr>
              <a:t> ve </a:t>
            </a:r>
            <a:r>
              <a:rPr lang="tr-TR" sz="4400" dirty="0" err="1">
                <a:solidFill>
                  <a:schemeClr val="tx1"/>
                </a:solidFill>
              </a:rPr>
              <a:t>bi</a:t>
            </a:r>
            <a:r>
              <a:rPr lang="tr-TR" sz="4400" dirty="0">
                <a:solidFill>
                  <a:schemeClr val="tx1"/>
                </a:solidFill>
              </a:rPr>
              <a:t> _______. </a:t>
            </a:r>
          </a:p>
        </p:txBody>
      </p:sp>
      <p:sp>
        <p:nvSpPr>
          <p:cNvPr id="31" name="Dikdörtgen 30"/>
          <p:cNvSpPr/>
          <p:nvPr>
            <p:custDataLst>
              <p:tags r:id="rId8"/>
            </p:custDataLst>
          </p:nvPr>
        </p:nvSpPr>
        <p:spPr>
          <a:xfrm>
            <a:off x="8332328" y="2276962"/>
            <a:ext cx="2039115" cy="713731"/>
          </a:xfrm>
          <a:prstGeom prst="rect">
            <a:avLst/>
          </a:prstGeom>
          <a:solidFill>
            <a:srgbClr val="008080"/>
          </a:solidFill>
          <a:ln w="6350" cap="flat" cmpd="sng" algn="ctr">
            <a:solidFill>
              <a:schemeClr val="accent3"/>
            </a:solidFill>
            <a:prstDash val="solid"/>
            <a:miter lim="800000"/>
          </a:ln>
          <a:effectLst/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 err="1">
                <a:solidFill>
                  <a:schemeClr val="bg1"/>
                </a:solidFill>
              </a:rPr>
              <a:t>hamdik</a:t>
            </a:r>
            <a:endParaRPr lang="tr-TR" sz="4000" b="1" dirty="0">
              <a:solidFill>
                <a:schemeClr val="bg1"/>
              </a:solidFill>
            </a:endParaRPr>
          </a:p>
        </p:txBody>
      </p:sp>
      <p:sp>
        <p:nvSpPr>
          <p:cNvPr id="32" name="Dikdörtgen 31"/>
          <p:cNvSpPr/>
          <p:nvPr/>
        </p:nvSpPr>
        <p:spPr>
          <a:xfrm>
            <a:off x="3614597" y="160799"/>
            <a:ext cx="4962807" cy="882696"/>
          </a:xfrm>
          <a:prstGeom prst="rect">
            <a:avLst/>
          </a:prstGeom>
          <a:solidFill>
            <a:schemeClr val="bg1"/>
          </a:solidFill>
          <a:ln w="28575">
            <a:solidFill>
              <a:schemeClr val="tx1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/>
              <a:t>Bir soru bir cevap</a:t>
            </a:r>
          </a:p>
        </p:txBody>
      </p:sp>
      <p:sp>
        <p:nvSpPr>
          <p:cNvPr id="33" name="Dikdörtgen 32"/>
          <p:cNvSpPr/>
          <p:nvPr>
            <p:custDataLst>
              <p:tags r:id="rId9"/>
            </p:custDataLst>
          </p:nvPr>
        </p:nvSpPr>
        <p:spPr>
          <a:xfrm rot="20470353">
            <a:off x="3643678" y="4938576"/>
            <a:ext cx="1792617" cy="591878"/>
          </a:xfrm>
          <a:prstGeom prst="rect">
            <a:avLst/>
          </a:prstGeom>
          <a:solidFill>
            <a:srgbClr val="FF0000"/>
          </a:solidFill>
          <a:ln w="6350" cap="flat" cmpd="sng" algn="ctr">
            <a:solidFill>
              <a:schemeClr val="accent2"/>
            </a:solidFill>
            <a:prstDash val="solid"/>
            <a:miter lim="800000"/>
          </a:ln>
          <a:effectLst/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200" dirty="0" err="1">
                <a:solidFill>
                  <a:schemeClr val="bg1"/>
                </a:solidFill>
              </a:rPr>
              <a:t>celle</a:t>
            </a:r>
            <a:r>
              <a:rPr lang="tr-TR" sz="3200" dirty="0">
                <a:solidFill>
                  <a:schemeClr val="bg1"/>
                </a:solidFill>
              </a:rPr>
              <a:t> </a:t>
            </a:r>
          </a:p>
        </p:txBody>
      </p:sp>
      <p:sp>
        <p:nvSpPr>
          <p:cNvPr id="34" name="Dikdörtgen 33"/>
          <p:cNvSpPr/>
          <p:nvPr>
            <p:custDataLst>
              <p:tags r:id="rId10"/>
            </p:custDataLst>
          </p:nvPr>
        </p:nvSpPr>
        <p:spPr>
          <a:xfrm rot="519644">
            <a:off x="5598167" y="5085966"/>
            <a:ext cx="4173755" cy="648912"/>
          </a:xfrm>
          <a:prstGeom prst="rect">
            <a:avLst/>
          </a:prstGeom>
          <a:solidFill>
            <a:srgbClr val="FF0000"/>
          </a:solidFill>
          <a:ln w="6350" cap="flat" cmpd="sng" algn="ctr">
            <a:solidFill>
              <a:schemeClr val="accent1"/>
            </a:solidFill>
            <a:prstDash val="solid"/>
            <a:miter lim="800000"/>
          </a:ln>
          <a:effec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bg1"/>
                </a:solidFill>
              </a:rPr>
              <a:t>lâ ilâhe </a:t>
            </a:r>
            <a:r>
              <a:rPr lang="tr-TR" sz="3600" dirty="0" err="1">
                <a:solidFill>
                  <a:schemeClr val="bg1"/>
                </a:solidFill>
              </a:rPr>
              <a:t>ğayruk</a:t>
            </a:r>
            <a:endParaRPr lang="tr-TR" sz="3600" dirty="0">
              <a:solidFill>
                <a:schemeClr val="bg1"/>
              </a:solidFill>
            </a:endParaRPr>
          </a:p>
        </p:txBody>
      </p:sp>
      <p:sp>
        <p:nvSpPr>
          <p:cNvPr id="35" name="Dikdörtgen 34"/>
          <p:cNvSpPr/>
          <p:nvPr>
            <p:custDataLst>
              <p:tags r:id="rId11"/>
            </p:custDataLst>
          </p:nvPr>
        </p:nvSpPr>
        <p:spPr>
          <a:xfrm rot="1581798">
            <a:off x="9904024" y="4952672"/>
            <a:ext cx="1916611" cy="730966"/>
          </a:xfrm>
          <a:prstGeom prst="rect">
            <a:avLst/>
          </a:prstGeom>
          <a:solidFill>
            <a:srgbClr val="FF0000"/>
          </a:solidFill>
          <a:ln w="6350" cap="flat" cmpd="sng" algn="ctr">
            <a:solidFill>
              <a:schemeClr val="accent6"/>
            </a:solidFill>
            <a:prstDash val="solid"/>
            <a:miter lim="800000"/>
          </a:ln>
          <a:effectLst/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 err="1">
                <a:solidFill>
                  <a:schemeClr val="bg1"/>
                </a:solidFill>
              </a:rPr>
              <a:t>kesmük</a:t>
            </a:r>
            <a:r>
              <a:rPr lang="tr-TR" sz="4000" dirty="0">
                <a:solidFill>
                  <a:schemeClr val="bg1"/>
                </a:solidFill>
              </a:rPr>
              <a:t> </a:t>
            </a:r>
          </a:p>
        </p:txBody>
      </p:sp>
      <p:sp>
        <p:nvSpPr>
          <p:cNvPr id="3" name="Yuvarlatılmış Dikdörtgen 2"/>
          <p:cNvSpPr/>
          <p:nvPr/>
        </p:nvSpPr>
        <p:spPr>
          <a:xfrm>
            <a:off x="11097866" y="160799"/>
            <a:ext cx="921279" cy="769643"/>
          </a:xfrm>
          <a:prstGeom prst="roundRect">
            <a:avLst/>
          </a:prstGeom>
          <a:solidFill>
            <a:srgbClr val="FFCC9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800" dirty="0">
                <a:solidFill>
                  <a:schemeClr val="tx1"/>
                </a:solidFill>
              </a:rPr>
              <a:t>1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5801106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11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" fill="hold">
                      <p:stCondLst>
                        <p:cond delay="0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23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4" fill="hold">
                      <p:stCondLst>
                        <p:cond delay="0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</p:childTnLst>
        </p:cTn>
      </p:par>
    </p:tnLst>
    <p:bldLst>
      <p:bldP spid="10" grpId="0" animBg="1"/>
      <p:bldP spid="31" grpId="0" animBg="1"/>
      <p:bldP spid="33" grpId="0" animBg="1"/>
      <p:bldP spid="34" grpId="0" animBg="1"/>
      <p:bldP spid="35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Dikdörtgen 8"/>
          <p:cNvSpPr/>
          <p:nvPr>
            <p:custDataLst>
              <p:tags r:id="rId2"/>
            </p:custDataLst>
          </p:nvPr>
        </p:nvSpPr>
        <p:spPr>
          <a:xfrm>
            <a:off x="440033" y="4539383"/>
            <a:ext cx="11566866" cy="1557549"/>
          </a:xfrm>
          <a:prstGeom prst="rect">
            <a:avLst/>
          </a:prstGeom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tr-TR" dirty="0"/>
          </a:p>
        </p:txBody>
      </p:sp>
      <p:sp>
        <p:nvSpPr>
          <p:cNvPr id="10" name="Dikdörtgen 9"/>
          <p:cNvSpPr/>
          <p:nvPr>
            <p:custDataLst>
              <p:tags r:id="rId3"/>
            </p:custDataLst>
          </p:nvPr>
        </p:nvSpPr>
        <p:spPr>
          <a:xfrm>
            <a:off x="2632172" y="4852520"/>
            <a:ext cx="2684921" cy="694354"/>
          </a:xfrm>
          <a:prstGeom prst="rect">
            <a:avLst/>
          </a:prstGeom>
          <a:gradFill rotWithShape="1">
            <a:gsLst>
              <a:gs pos="0">
                <a:schemeClr val="accent3">
                  <a:lumMod val="110000"/>
                  <a:satMod val="105000"/>
                  <a:tint val="67000"/>
                </a:schemeClr>
              </a:gs>
              <a:gs pos="50000">
                <a:schemeClr val="accent3">
                  <a:lumMod val="105000"/>
                  <a:satMod val="103000"/>
                  <a:tint val="73000"/>
                </a:schemeClr>
              </a:gs>
              <a:gs pos="100000">
                <a:schemeClr val="accent3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3"/>
            </a:solidFill>
            <a:prstDash val="solid"/>
            <a:miter lim="800000"/>
          </a:ln>
          <a:effectLst/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600" dirty="0" err="1"/>
              <a:t>ceddük</a:t>
            </a:r>
            <a:endParaRPr lang="tr-TR" sz="3600" dirty="0"/>
          </a:p>
        </p:txBody>
      </p:sp>
      <p:sp>
        <p:nvSpPr>
          <p:cNvPr id="11" name="Dikdörtgen 10"/>
          <p:cNvSpPr/>
          <p:nvPr>
            <p:custDataLst>
              <p:tags r:id="rId4"/>
            </p:custDataLst>
          </p:nvPr>
        </p:nvSpPr>
        <p:spPr>
          <a:xfrm rot="519644">
            <a:off x="5673814" y="5085051"/>
            <a:ext cx="4003570" cy="593831"/>
          </a:xfrm>
          <a:prstGeom prst="rect">
            <a:avLst/>
          </a:prstGeom>
          <a:gradFill rotWithShape="1">
            <a:gsLst>
              <a:gs pos="0">
                <a:schemeClr val="accent1">
                  <a:lumMod val="110000"/>
                  <a:satMod val="105000"/>
                  <a:tint val="67000"/>
                </a:schemeClr>
              </a:gs>
              <a:gs pos="50000">
                <a:schemeClr val="accent1">
                  <a:lumMod val="105000"/>
                  <a:satMod val="103000"/>
                  <a:tint val="73000"/>
                </a:schemeClr>
              </a:gs>
              <a:gs pos="100000">
                <a:schemeClr val="accent1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1"/>
            </a:solidFill>
            <a:prstDash val="solid"/>
            <a:miter lim="800000"/>
          </a:ln>
          <a:effec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200" dirty="0"/>
              <a:t>lâ ilâhe </a:t>
            </a:r>
            <a:r>
              <a:rPr lang="tr-TR" sz="3200" dirty="0" err="1"/>
              <a:t>ğayruk</a:t>
            </a:r>
            <a:endParaRPr lang="tr-TR" sz="3200" dirty="0"/>
          </a:p>
        </p:txBody>
      </p:sp>
      <p:sp>
        <p:nvSpPr>
          <p:cNvPr id="21" name="Dikdörtgen 20"/>
          <p:cNvSpPr/>
          <p:nvPr>
            <p:custDataLst>
              <p:tags r:id="rId5"/>
            </p:custDataLst>
          </p:nvPr>
        </p:nvSpPr>
        <p:spPr>
          <a:xfrm>
            <a:off x="1467036" y="3710330"/>
            <a:ext cx="9321165" cy="710841"/>
          </a:xfrm>
          <a:prstGeom prst="rect">
            <a:avLst/>
          </a:prstGeom>
          <a:solidFill>
            <a:srgbClr val="008080"/>
          </a:solidFill>
          <a:ln w="6350" cap="flat" cmpd="sng" algn="ctr">
            <a:solidFill>
              <a:schemeClr val="accent2"/>
            </a:solidFill>
            <a:prstDash val="solid"/>
            <a:miter lim="800000"/>
          </a:ln>
          <a:effectLst/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lang="tr-TR" sz="3200" dirty="0">
                <a:solidFill>
                  <a:prstClr val="white"/>
                </a:solidFill>
              </a:rPr>
              <a:t>Boşluğa gelecek kelimeyi seçiniz.</a:t>
            </a:r>
          </a:p>
        </p:txBody>
      </p:sp>
      <p:sp>
        <p:nvSpPr>
          <p:cNvPr id="22" name="Dikdörtgen 21"/>
          <p:cNvSpPr/>
          <p:nvPr>
            <p:custDataLst>
              <p:tags r:id="rId6"/>
            </p:custDataLst>
          </p:nvPr>
        </p:nvSpPr>
        <p:spPr>
          <a:xfrm rot="20470353">
            <a:off x="588152" y="4925857"/>
            <a:ext cx="1792617" cy="591878"/>
          </a:xfrm>
          <a:prstGeom prst="rect">
            <a:avLst/>
          </a:prstGeom>
          <a:gradFill rotWithShape="1">
            <a:gsLst>
              <a:gs pos="0">
                <a:schemeClr val="accent2">
                  <a:lumMod val="110000"/>
                  <a:satMod val="105000"/>
                  <a:tint val="67000"/>
                </a:schemeClr>
              </a:gs>
              <a:gs pos="50000">
                <a:schemeClr val="accent2">
                  <a:lumMod val="105000"/>
                  <a:satMod val="103000"/>
                  <a:tint val="73000"/>
                </a:schemeClr>
              </a:gs>
              <a:gs pos="100000">
                <a:schemeClr val="accent2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2"/>
            </a:solidFill>
            <a:prstDash val="solid"/>
            <a:miter lim="800000"/>
          </a:ln>
          <a:effectLst/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200" dirty="0" err="1"/>
              <a:t>celle</a:t>
            </a:r>
            <a:r>
              <a:rPr lang="tr-TR" sz="3200" dirty="0"/>
              <a:t> </a:t>
            </a:r>
          </a:p>
        </p:txBody>
      </p:sp>
      <p:sp>
        <p:nvSpPr>
          <p:cNvPr id="24" name="Dikdörtgen 23"/>
          <p:cNvSpPr/>
          <p:nvPr>
            <p:custDataLst>
              <p:tags r:id="rId7"/>
            </p:custDataLst>
          </p:nvPr>
        </p:nvSpPr>
        <p:spPr>
          <a:xfrm rot="1581798">
            <a:off x="9951083" y="5023209"/>
            <a:ext cx="1822495" cy="651445"/>
          </a:xfrm>
          <a:prstGeom prst="rect">
            <a:avLst/>
          </a:prstGeom>
          <a:gradFill rotWithShape="1">
            <a:gsLst>
              <a:gs pos="0">
                <a:schemeClr val="accent6">
                  <a:lumMod val="110000"/>
                  <a:satMod val="105000"/>
                  <a:tint val="67000"/>
                </a:schemeClr>
              </a:gs>
              <a:gs pos="50000">
                <a:schemeClr val="accent6">
                  <a:lumMod val="105000"/>
                  <a:satMod val="103000"/>
                  <a:tint val="73000"/>
                </a:schemeClr>
              </a:gs>
              <a:gs pos="100000">
                <a:schemeClr val="accent6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6"/>
            </a:solidFill>
            <a:prstDash val="solid"/>
            <a:miter lim="800000"/>
          </a:ln>
          <a:effectLst/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 err="1"/>
              <a:t>kesmük</a:t>
            </a:r>
            <a:r>
              <a:rPr lang="tr-TR" sz="4000" dirty="0"/>
              <a:t> </a:t>
            </a:r>
          </a:p>
        </p:txBody>
      </p:sp>
      <p:sp>
        <p:nvSpPr>
          <p:cNvPr id="25" name="Serbest Form 24"/>
          <p:cNvSpPr/>
          <p:nvPr/>
        </p:nvSpPr>
        <p:spPr>
          <a:xfrm>
            <a:off x="11097866" y="2276962"/>
            <a:ext cx="680485" cy="1020727"/>
          </a:xfrm>
          <a:custGeom>
            <a:avLst/>
            <a:gdLst>
              <a:gd name="connsiteX0" fmla="*/ 0 w 680485"/>
              <a:gd name="connsiteY0" fmla="*/ 0 h 1020727"/>
              <a:gd name="connsiteX1" fmla="*/ 680485 w 680485"/>
              <a:gd name="connsiteY1" fmla="*/ 510364 h 1020727"/>
              <a:gd name="connsiteX2" fmla="*/ 0 w 680485"/>
              <a:gd name="connsiteY2" fmla="*/ 1020727 h 1020727"/>
              <a:gd name="connsiteX3" fmla="*/ 0 w 680485"/>
              <a:gd name="connsiteY3" fmla="*/ 953082 h 1020727"/>
              <a:gd name="connsiteX4" fmla="*/ 586674 w 680485"/>
              <a:gd name="connsiteY4" fmla="*/ 517459 h 1020727"/>
              <a:gd name="connsiteX5" fmla="*/ 0 w 680485"/>
              <a:gd name="connsiteY5" fmla="*/ 73072 h 102072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680485" h="1020727">
                <a:moveTo>
                  <a:pt x="0" y="0"/>
                </a:moveTo>
                <a:lnTo>
                  <a:pt x="680485" y="510364"/>
                </a:lnTo>
                <a:lnTo>
                  <a:pt x="0" y="1020727"/>
                </a:lnTo>
                <a:lnTo>
                  <a:pt x="0" y="953082"/>
                </a:lnTo>
                <a:lnTo>
                  <a:pt x="586674" y="517459"/>
                </a:lnTo>
                <a:lnTo>
                  <a:pt x="0" y="73072"/>
                </a:lnTo>
                <a:close/>
              </a:path>
            </a:pathLst>
          </a:custGeom>
          <a:solidFill>
            <a:srgbClr val="1AA68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6" name="Dikdörtgen 25">
            <a:hlinkClick r:id="" action="ppaction://hlinkshowjump?jump=nextslide"/>
          </p:cNvPr>
          <p:cNvSpPr/>
          <p:nvPr/>
        </p:nvSpPr>
        <p:spPr>
          <a:xfrm>
            <a:off x="11026262" y="2281075"/>
            <a:ext cx="752089" cy="1020727"/>
          </a:xfrm>
          <a:prstGeom prst="rect">
            <a:avLst/>
          </a:prstGeom>
          <a:gradFill flip="none" rotWithShape="1">
            <a:gsLst>
              <a:gs pos="29000">
                <a:schemeClr val="accent6">
                  <a:lumMod val="0"/>
                  <a:lumOff val="100000"/>
                  <a:alpha val="0"/>
                </a:schemeClr>
              </a:gs>
              <a:gs pos="100000">
                <a:schemeClr val="accent6">
                  <a:lumMod val="100000"/>
                  <a:alpha val="47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solidFill>
              <a:schemeClr val="accent3">
                <a:lumMod val="60000"/>
                <a:lumOff val="40000"/>
              </a:schemeClr>
            </a:solidFill>
          </a:ln>
          <a:effectLst>
            <a:innerShdw blurRad="292100">
              <a:prstClr val="black"/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7" name="Serbest Form 26"/>
          <p:cNvSpPr/>
          <p:nvPr/>
        </p:nvSpPr>
        <p:spPr>
          <a:xfrm rot="10800000">
            <a:off x="231399" y="2254225"/>
            <a:ext cx="862735" cy="1020727"/>
          </a:xfrm>
          <a:custGeom>
            <a:avLst/>
            <a:gdLst>
              <a:gd name="connsiteX0" fmla="*/ 0 w 680485"/>
              <a:gd name="connsiteY0" fmla="*/ 0 h 1020727"/>
              <a:gd name="connsiteX1" fmla="*/ 680485 w 680485"/>
              <a:gd name="connsiteY1" fmla="*/ 510364 h 1020727"/>
              <a:gd name="connsiteX2" fmla="*/ 0 w 680485"/>
              <a:gd name="connsiteY2" fmla="*/ 1020727 h 1020727"/>
              <a:gd name="connsiteX3" fmla="*/ 0 w 680485"/>
              <a:gd name="connsiteY3" fmla="*/ 953082 h 1020727"/>
              <a:gd name="connsiteX4" fmla="*/ 586674 w 680485"/>
              <a:gd name="connsiteY4" fmla="*/ 517459 h 1020727"/>
              <a:gd name="connsiteX5" fmla="*/ 0 w 680485"/>
              <a:gd name="connsiteY5" fmla="*/ 73072 h 102072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680485" h="1020727">
                <a:moveTo>
                  <a:pt x="0" y="0"/>
                </a:moveTo>
                <a:lnTo>
                  <a:pt x="680485" y="510364"/>
                </a:lnTo>
                <a:lnTo>
                  <a:pt x="0" y="1020727"/>
                </a:lnTo>
                <a:lnTo>
                  <a:pt x="0" y="953082"/>
                </a:lnTo>
                <a:lnTo>
                  <a:pt x="586674" y="517459"/>
                </a:lnTo>
                <a:lnTo>
                  <a:pt x="0" y="73072"/>
                </a:lnTo>
                <a:close/>
              </a:path>
            </a:pathLst>
          </a:custGeom>
          <a:solidFill>
            <a:srgbClr val="1AA68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8" name="Dikdörtgen 27">
            <a:hlinkClick r:id="" action="ppaction://hlinkshowjump?jump=previousslide"/>
          </p:cNvPr>
          <p:cNvSpPr/>
          <p:nvPr/>
        </p:nvSpPr>
        <p:spPr>
          <a:xfrm rot="10800000">
            <a:off x="234633" y="2263804"/>
            <a:ext cx="994342" cy="1020727"/>
          </a:xfrm>
          <a:prstGeom prst="rect">
            <a:avLst/>
          </a:prstGeom>
          <a:gradFill flip="none" rotWithShape="1">
            <a:gsLst>
              <a:gs pos="29000">
                <a:schemeClr val="accent6">
                  <a:lumMod val="0"/>
                  <a:lumOff val="100000"/>
                  <a:alpha val="0"/>
                </a:schemeClr>
              </a:gs>
              <a:gs pos="100000">
                <a:schemeClr val="accent6">
                  <a:lumMod val="100000"/>
                  <a:alpha val="47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solidFill>
              <a:schemeClr val="accent3">
                <a:lumMod val="60000"/>
                <a:lumOff val="40000"/>
              </a:schemeClr>
            </a:solidFill>
          </a:ln>
          <a:effectLst>
            <a:innerShdw blurRad="292100">
              <a:prstClr val="black"/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" name="Dikdörtgen 28"/>
          <p:cNvSpPr/>
          <p:nvPr/>
        </p:nvSpPr>
        <p:spPr>
          <a:xfrm>
            <a:off x="1467036" y="2042123"/>
            <a:ext cx="9321165" cy="1498632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tr-TR" sz="4000" dirty="0">
                <a:solidFill>
                  <a:schemeClr val="tx1"/>
                </a:solidFill>
              </a:rPr>
              <a:t>Ve </a:t>
            </a:r>
            <a:r>
              <a:rPr lang="tr-TR" sz="4000" dirty="0" err="1">
                <a:solidFill>
                  <a:schemeClr val="tx1"/>
                </a:solidFill>
              </a:rPr>
              <a:t>tebâra</a:t>
            </a:r>
            <a:r>
              <a:rPr lang="tr-TR" sz="4000" dirty="0">
                <a:solidFill>
                  <a:schemeClr val="tx1"/>
                </a:solidFill>
              </a:rPr>
              <a:t> </a:t>
            </a:r>
            <a:r>
              <a:rPr lang="tr-TR" sz="4000" dirty="0" err="1">
                <a:solidFill>
                  <a:schemeClr val="tx1"/>
                </a:solidFill>
              </a:rPr>
              <a:t>kesmük</a:t>
            </a:r>
            <a:r>
              <a:rPr lang="tr-TR" sz="4000" dirty="0">
                <a:solidFill>
                  <a:schemeClr val="tx1"/>
                </a:solidFill>
              </a:rPr>
              <a:t>. Ve </a:t>
            </a:r>
            <a:r>
              <a:rPr lang="tr-TR" sz="4000" dirty="0" err="1">
                <a:solidFill>
                  <a:schemeClr val="tx1"/>
                </a:solidFill>
              </a:rPr>
              <a:t>teâlâ</a:t>
            </a:r>
            <a:r>
              <a:rPr lang="tr-TR" sz="4000" dirty="0">
                <a:solidFill>
                  <a:schemeClr val="tx1"/>
                </a:solidFill>
              </a:rPr>
              <a:t> __________. </a:t>
            </a:r>
          </a:p>
        </p:txBody>
      </p:sp>
      <p:sp>
        <p:nvSpPr>
          <p:cNvPr id="31" name="Dikdörtgen 30"/>
          <p:cNvSpPr/>
          <p:nvPr>
            <p:custDataLst>
              <p:tags r:id="rId8"/>
            </p:custDataLst>
          </p:nvPr>
        </p:nvSpPr>
        <p:spPr>
          <a:xfrm>
            <a:off x="7341916" y="2298347"/>
            <a:ext cx="2357353" cy="713731"/>
          </a:xfrm>
          <a:prstGeom prst="rect">
            <a:avLst/>
          </a:prstGeom>
          <a:solidFill>
            <a:srgbClr val="008080"/>
          </a:solidFill>
          <a:ln w="6350" cap="flat" cmpd="sng" algn="ctr">
            <a:solidFill>
              <a:schemeClr val="accent3"/>
            </a:solidFill>
            <a:prstDash val="solid"/>
            <a:miter lim="800000"/>
          </a:ln>
          <a:effectLst/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400" dirty="0" err="1">
                <a:solidFill>
                  <a:schemeClr val="bg1"/>
                </a:solidFill>
              </a:rPr>
              <a:t>ceddük</a:t>
            </a:r>
            <a:endParaRPr lang="tr-TR" sz="4400" b="1" dirty="0">
              <a:solidFill>
                <a:schemeClr val="bg1"/>
              </a:solidFill>
            </a:endParaRPr>
          </a:p>
        </p:txBody>
      </p:sp>
      <p:sp>
        <p:nvSpPr>
          <p:cNvPr id="32" name="Dikdörtgen 31"/>
          <p:cNvSpPr/>
          <p:nvPr/>
        </p:nvSpPr>
        <p:spPr>
          <a:xfrm>
            <a:off x="3614597" y="160799"/>
            <a:ext cx="4962807" cy="882696"/>
          </a:xfrm>
          <a:prstGeom prst="rect">
            <a:avLst/>
          </a:prstGeom>
          <a:solidFill>
            <a:schemeClr val="bg1"/>
          </a:solidFill>
          <a:ln w="28575">
            <a:solidFill>
              <a:schemeClr val="tx1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/>
              <a:t>Bir soru bir cevap</a:t>
            </a:r>
          </a:p>
        </p:txBody>
      </p:sp>
      <p:sp>
        <p:nvSpPr>
          <p:cNvPr id="33" name="Dikdörtgen 32"/>
          <p:cNvSpPr/>
          <p:nvPr>
            <p:custDataLst>
              <p:tags r:id="rId9"/>
            </p:custDataLst>
          </p:nvPr>
        </p:nvSpPr>
        <p:spPr>
          <a:xfrm rot="20470353">
            <a:off x="544015" y="4917323"/>
            <a:ext cx="1934874" cy="665166"/>
          </a:xfrm>
          <a:prstGeom prst="rect">
            <a:avLst/>
          </a:prstGeom>
          <a:solidFill>
            <a:srgbClr val="FF0000"/>
          </a:solidFill>
          <a:ln w="6350" cap="flat" cmpd="sng" algn="ctr">
            <a:solidFill>
              <a:schemeClr val="accent2"/>
            </a:solidFill>
            <a:prstDash val="solid"/>
            <a:miter lim="800000"/>
          </a:ln>
          <a:effectLst/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200" dirty="0" err="1">
                <a:solidFill>
                  <a:schemeClr val="bg1"/>
                </a:solidFill>
              </a:rPr>
              <a:t>celle</a:t>
            </a:r>
            <a:r>
              <a:rPr lang="tr-TR" sz="3200" dirty="0">
                <a:solidFill>
                  <a:schemeClr val="bg1"/>
                </a:solidFill>
              </a:rPr>
              <a:t> </a:t>
            </a:r>
          </a:p>
        </p:txBody>
      </p:sp>
      <p:sp>
        <p:nvSpPr>
          <p:cNvPr id="34" name="Dikdörtgen 33"/>
          <p:cNvSpPr/>
          <p:nvPr>
            <p:custDataLst>
              <p:tags r:id="rId10"/>
            </p:custDataLst>
          </p:nvPr>
        </p:nvSpPr>
        <p:spPr>
          <a:xfrm rot="519644">
            <a:off x="5598167" y="5085966"/>
            <a:ext cx="4173755" cy="648912"/>
          </a:xfrm>
          <a:prstGeom prst="rect">
            <a:avLst/>
          </a:prstGeom>
          <a:solidFill>
            <a:srgbClr val="FF0000"/>
          </a:solidFill>
          <a:ln w="6350" cap="flat" cmpd="sng" algn="ctr">
            <a:solidFill>
              <a:schemeClr val="accent1"/>
            </a:solidFill>
            <a:prstDash val="solid"/>
            <a:miter lim="800000"/>
          </a:ln>
          <a:effec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bg1"/>
                </a:solidFill>
              </a:rPr>
              <a:t>lâ ilâhe </a:t>
            </a:r>
            <a:r>
              <a:rPr lang="tr-TR" sz="3600" dirty="0" err="1">
                <a:solidFill>
                  <a:schemeClr val="bg1"/>
                </a:solidFill>
              </a:rPr>
              <a:t>ğayruk</a:t>
            </a:r>
            <a:endParaRPr lang="tr-TR" sz="3600" dirty="0">
              <a:solidFill>
                <a:schemeClr val="bg1"/>
              </a:solidFill>
            </a:endParaRPr>
          </a:p>
        </p:txBody>
      </p:sp>
      <p:sp>
        <p:nvSpPr>
          <p:cNvPr id="35" name="Dikdörtgen 34"/>
          <p:cNvSpPr/>
          <p:nvPr>
            <p:custDataLst>
              <p:tags r:id="rId11"/>
            </p:custDataLst>
          </p:nvPr>
        </p:nvSpPr>
        <p:spPr>
          <a:xfrm rot="1581798">
            <a:off x="9904024" y="4952672"/>
            <a:ext cx="1916611" cy="730966"/>
          </a:xfrm>
          <a:prstGeom prst="rect">
            <a:avLst/>
          </a:prstGeom>
          <a:solidFill>
            <a:srgbClr val="FF0000"/>
          </a:solidFill>
          <a:ln w="6350" cap="flat" cmpd="sng" algn="ctr">
            <a:solidFill>
              <a:schemeClr val="accent6"/>
            </a:solidFill>
            <a:prstDash val="solid"/>
            <a:miter lim="800000"/>
          </a:ln>
          <a:effectLst/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 err="1">
                <a:solidFill>
                  <a:schemeClr val="bg1"/>
                </a:solidFill>
              </a:rPr>
              <a:t>kesmük</a:t>
            </a:r>
            <a:r>
              <a:rPr lang="tr-TR" sz="4000" dirty="0">
                <a:solidFill>
                  <a:schemeClr val="bg1"/>
                </a:solidFill>
              </a:rPr>
              <a:t> </a:t>
            </a:r>
          </a:p>
        </p:txBody>
      </p:sp>
      <p:sp>
        <p:nvSpPr>
          <p:cNvPr id="3" name="Yuvarlatılmış Dikdörtgen 2"/>
          <p:cNvSpPr/>
          <p:nvPr/>
        </p:nvSpPr>
        <p:spPr>
          <a:xfrm>
            <a:off x="11097866" y="160799"/>
            <a:ext cx="921279" cy="769643"/>
          </a:xfrm>
          <a:prstGeom prst="roundRect">
            <a:avLst/>
          </a:prstGeom>
          <a:solidFill>
            <a:srgbClr val="FFCC9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800" dirty="0">
                <a:solidFill>
                  <a:schemeClr val="tx1"/>
                </a:solidFill>
              </a:rPr>
              <a:t>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797170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11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" fill="hold">
                      <p:stCondLst>
                        <p:cond delay="0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23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4" fill="hold">
                      <p:stCondLst>
                        <p:cond delay="0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</p:childTnLst>
        </p:cTn>
      </p:par>
    </p:tnLst>
    <p:bldLst>
      <p:bldP spid="10" grpId="0" animBg="1"/>
      <p:bldP spid="31" grpId="0" animBg="1"/>
      <p:bldP spid="33" grpId="0" animBg="1"/>
      <p:bldP spid="34" grpId="0" animBg="1"/>
      <p:bldP spid="35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3586162" y="398068"/>
            <a:ext cx="5019675" cy="846532"/>
          </a:xfrm>
          <a:ln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/>
          <a:lstStyle/>
          <a:p>
            <a:pPr algn="ctr"/>
            <a:r>
              <a:rPr lang="tr-TR" sz="4000" spc="300" dirty="0">
                <a:solidFill>
                  <a:schemeClr val="tx1"/>
                </a:solidFill>
              </a:rPr>
              <a:t>Ara değerlendirme</a:t>
            </a:r>
          </a:p>
        </p:txBody>
      </p:sp>
      <p:sp>
        <p:nvSpPr>
          <p:cNvPr id="8" name="Serbest Form 7"/>
          <p:cNvSpPr/>
          <p:nvPr/>
        </p:nvSpPr>
        <p:spPr>
          <a:xfrm>
            <a:off x="11056383" y="2774174"/>
            <a:ext cx="680485" cy="1020727"/>
          </a:xfrm>
          <a:custGeom>
            <a:avLst/>
            <a:gdLst>
              <a:gd name="connsiteX0" fmla="*/ 0 w 680485"/>
              <a:gd name="connsiteY0" fmla="*/ 0 h 1020727"/>
              <a:gd name="connsiteX1" fmla="*/ 680485 w 680485"/>
              <a:gd name="connsiteY1" fmla="*/ 510364 h 1020727"/>
              <a:gd name="connsiteX2" fmla="*/ 0 w 680485"/>
              <a:gd name="connsiteY2" fmla="*/ 1020727 h 1020727"/>
              <a:gd name="connsiteX3" fmla="*/ 0 w 680485"/>
              <a:gd name="connsiteY3" fmla="*/ 953082 h 1020727"/>
              <a:gd name="connsiteX4" fmla="*/ 586674 w 680485"/>
              <a:gd name="connsiteY4" fmla="*/ 517459 h 1020727"/>
              <a:gd name="connsiteX5" fmla="*/ 0 w 680485"/>
              <a:gd name="connsiteY5" fmla="*/ 73072 h 102072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680485" h="1020727">
                <a:moveTo>
                  <a:pt x="0" y="0"/>
                </a:moveTo>
                <a:lnTo>
                  <a:pt x="680485" y="510364"/>
                </a:lnTo>
                <a:lnTo>
                  <a:pt x="0" y="1020727"/>
                </a:lnTo>
                <a:lnTo>
                  <a:pt x="0" y="953082"/>
                </a:lnTo>
                <a:lnTo>
                  <a:pt x="586674" y="517459"/>
                </a:lnTo>
                <a:lnTo>
                  <a:pt x="0" y="73072"/>
                </a:lnTo>
                <a:close/>
              </a:path>
            </a:pathLst>
          </a:custGeom>
          <a:solidFill>
            <a:srgbClr val="1AA68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9" name="Dikdörtgen 8">
            <a:hlinkClick r:id="" action="ppaction://hlinkshowjump?jump=nextslide"/>
          </p:cNvPr>
          <p:cNvSpPr/>
          <p:nvPr/>
        </p:nvSpPr>
        <p:spPr>
          <a:xfrm>
            <a:off x="11056382" y="2774173"/>
            <a:ext cx="680485" cy="1020727"/>
          </a:xfrm>
          <a:prstGeom prst="rect">
            <a:avLst/>
          </a:prstGeom>
          <a:gradFill flip="none" rotWithShape="1">
            <a:gsLst>
              <a:gs pos="29000">
                <a:schemeClr val="accent6">
                  <a:lumMod val="0"/>
                  <a:lumOff val="100000"/>
                  <a:alpha val="0"/>
                </a:schemeClr>
              </a:gs>
              <a:gs pos="100000">
                <a:schemeClr val="accent6">
                  <a:lumMod val="100000"/>
                  <a:alpha val="47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solidFill>
              <a:schemeClr val="accent3">
                <a:lumMod val="60000"/>
                <a:lumOff val="40000"/>
              </a:schemeClr>
            </a:solidFill>
          </a:ln>
          <a:effectLst>
            <a:innerShdw blurRad="292100">
              <a:prstClr val="black"/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13" name="Serbest Form 12"/>
          <p:cNvSpPr/>
          <p:nvPr/>
        </p:nvSpPr>
        <p:spPr>
          <a:xfrm rot="10800000">
            <a:off x="269357" y="2774174"/>
            <a:ext cx="680485" cy="1020727"/>
          </a:xfrm>
          <a:custGeom>
            <a:avLst/>
            <a:gdLst>
              <a:gd name="connsiteX0" fmla="*/ 0 w 680485"/>
              <a:gd name="connsiteY0" fmla="*/ 0 h 1020727"/>
              <a:gd name="connsiteX1" fmla="*/ 680485 w 680485"/>
              <a:gd name="connsiteY1" fmla="*/ 510364 h 1020727"/>
              <a:gd name="connsiteX2" fmla="*/ 0 w 680485"/>
              <a:gd name="connsiteY2" fmla="*/ 1020727 h 1020727"/>
              <a:gd name="connsiteX3" fmla="*/ 0 w 680485"/>
              <a:gd name="connsiteY3" fmla="*/ 953082 h 1020727"/>
              <a:gd name="connsiteX4" fmla="*/ 586674 w 680485"/>
              <a:gd name="connsiteY4" fmla="*/ 517459 h 1020727"/>
              <a:gd name="connsiteX5" fmla="*/ 0 w 680485"/>
              <a:gd name="connsiteY5" fmla="*/ 73072 h 102072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680485" h="1020727">
                <a:moveTo>
                  <a:pt x="0" y="0"/>
                </a:moveTo>
                <a:lnTo>
                  <a:pt x="680485" y="510364"/>
                </a:lnTo>
                <a:lnTo>
                  <a:pt x="0" y="1020727"/>
                </a:lnTo>
                <a:lnTo>
                  <a:pt x="0" y="953082"/>
                </a:lnTo>
                <a:lnTo>
                  <a:pt x="586674" y="517459"/>
                </a:lnTo>
                <a:lnTo>
                  <a:pt x="0" y="73072"/>
                </a:lnTo>
                <a:close/>
              </a:path>
            </a:pathLst>
          </a:custGeom>
          <a:solidFill>
            <a:srgbClr val="1AA68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14" name="Dikdörtgen 13">
            <a:hlinkClick r:id="" action="ppaction://hlinkshowjump?jump=previousslide"/>
          </p:cNvPr>
          <p:cNvSpPr/>
          <p:nvPr/>
        </p:nvSpPr>
        <p:spPr>
          <a:xfrm rot="10800000">
            <a:off x="269358" y="2774175"/>
            <a:ext cx="680485" cy="1020727"/>
          </a:xfrm>
          <a:prstGeom prst="rect">
            <a:avLst/>
          </a:prstGeom>
          <a:gradFill flip="none" rotWithShape="1">
            <a:gsLst>
              <a:gs pos="29000">
                <a:schemeClr val="accent6">
                  <a:lumMod val="0"/>
                  <a:lumOff val="100000"/>
                  <a:alpha val="0"/>
                </a:schemeClr>
              </a:gs>
              <a:gs pos="100000">
                <a:schemeClr val="accent6">
                  <a:lumMod val="100000"/>
                  <a:alpha val="47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solidFill>
              <a:schemeClr val="accent3">
                <a:lumMod val="60000"/>
                <a:lumOff val="40000"/>
              </a:schemeClr>
            </a:solidFill>
          </a:ln>
          <a:effectLst>
            <a:innerShdw blurRad="292100">
              <a:prstClr val="black"/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15" name="Dikdörtgen 14"/>
          <p:cNvSpPr/>
          <p:nvPr/>
        </p:nvSpPr>
        <p:spPr>
          <a:xfrm>
            <a:off x="1854200" y="2211386"/>
            <a:ext cx="8509000" cy="2146300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just">
              <a:lnSpc>
                <a:spcPct val="150000"/>
              </a:lnSpc>
            </a:pPr>
            <a:r>
              <a:rPr lang="tr-TR" sz="3600" dirty="0">
                <a:solidFill>
                  <a:schemeClr val="tx1"/>
                </a:solidFill>
              </a:rPr>
              <a:t>Subhaneke duası cenaze namazlarında da okunur.</a:t>
            </a:r>
          </a:p>
        </p:txBody>
      </p:sp>
      <p:sp>
        <p:nvSpPr>
          <p:cNvPr id="17" name="y 1"/>
          <p:cNvSpPr/>
          <p:nvPr/>
        </p:nvSpPr>
        <p:spPr>
          <a:xfrm>
            <a:off x="6896100" y="5607050"/>
            <a:ext cx="1866900" cy="4699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Yanlış</a:t>
            </a:r>
          </a:p>
        </p:txBody>
      </p:sp>
      <p:sp>
        <p:nvSpPr>
          <p:cNvPr id="18" name="D"/>
          <p:cNvSpPr/>
          <p:nvPr/>
        </p:nvSpPr>
        <p:spPr>
          <a:xfrm>
            <a:off x="3073400" y="5607050"/>
            <a:ext cx="1866900" cy="4699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Doğru </a:t>
            </a:r>
          </a:p>
        </p:txBody>
      </p:sp>
      <p:sp>
        <p:nvSpPr>
          <p:cNvPr id="19" name="Yuvarlatılmış Dikdörtgen 18"/>
          <p:cNvSpPr/>
          <p:nvPr/>
        </p:nvSpPr>
        <p:spPr>
          <a:xfrm>
            <a:off x="1828800" y="4690271"/>
            <a:ext cx="8680450" cy="473072"/>
          </a:xfrm>
          <a:prstGeom prst="roundRect">
            <a:avLst/>
          </a:prstGeom>
          <a:solidFill>
            <a:schemeClr val="tx2">
              <a:lumMod val="40000"/>
              <a:lumOff val="60000"/>
            </a:schemeClr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Verilen ifade doğru mu yanlış mı?</a:t>
            </a:r>
          </a:p>
        </p:txBody>
      </p:sp>
      <p:sp>
        <p:nvSpPr>
          <p:cNvPr id="21" name="Dikdörtgen 20"/>
          <p:cNvSpPr/>
          <p:nvPr/>
        </p:nvSpPr>
        <p:spPr>
          <a:xfrm>
            <a:off x="6896100" y="5619750"/>
            <a:ext cx="1866900" cy="469900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  <a:ln w="57150">
            <a:solidFill>
              <a:srgbClr val="FF0000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Yanlış</a:t>
            </a:r>
          </a:p>
        </p:txBody>
      </p:sp>
      <p:sp>
        <p:nvSpPr>
          <p:cNvPr id="22" name="Dikdörtgen 21"/>
          <p:cNvSpPr/>
          <p:nvPr/>
        </p:nvSpPr>
        <p:spPr>
          <a:xfrm>
            <a:off x="3067050" y="5604650"/>
            <a:ext cx="1873250" cy="485000"/>
          </a:xfrm>
          <a:prstGeom prst="rect">
            <a:avLst/>
          </a:prstGeom>
          <a:solidFill>
            <a:srgbClr val="FFCC99"/>
          </a:solidFill>
          <a:ln w="38100">
            <a:solidFill>
              <a:srgbClr val="92D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Doğru </a:t>
            </a:r>
          </a:p>
        </p:txBody>
      </p:sp>
      <p:sp>
        <p:nvSpPr>
          <p:cNvPr id="23" name="Dikdörtgen 22"/>
          <p:cNvSpPr/>
          <p:nvPr/>
        </p:nvSpPr>
        <p:spPr>
          <a:xfrm>
            <a:off x="8489950" y="3850840"/>
            <a:ext cx="1873250" cy="485000"/>
          </a:xfrm>
          <a:prstGeom prst="rect">
            <a:avLst/>
          </a:prstGeom>
          <a:solidFill>
            <a:srgbClr val="FFCC99"/>
          </a:solidFill>
          <a:ln w="38100">
            <a:solidFill>
              <a:srgbClr val="92D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Doğru </a:t>
            </a:r>
          </a:p>
        </p:txBody>
      </p:sp>
      <p:sp>
        <p:nvSpPr>
          <p:cNvPr id="16" name="Yuvarlatılmış Dikdörtgen 15"/>
          <p:cNvSpPr/>
          <p:nvPr/>
        </p:nvSpPr>
        <p:spPr>
          <a:xfrm>
            <a:off x="11097866" y="160799"/>
            <a:ext cx="921279" cy="769643"/>
          </a:xfrm>
          <a:prstGeom prst="roundRect">
            <a:avLst/>
          </a:prstGeom>
          <a:solidFill>
            <a:srgbClr val="FFCC9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800" dirty="0">
                <a:solidFill>
                  <a:schemeClr val="tx1"/>
                </a:solidFill>
              </a:rPr>
              <a:t>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532607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nimClr clrSpc="rgb" dir="cw"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c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</p:childTnLst>
        </p:cTn>
      </p:par>
    </p:tnLst>
    <p:bldLst>
      <p:bldP spid="21" grpId="0" animBg="1"/>
      <p:bldP spid="22" grpId="0" animBg="1"/>
      <p:bldP spid="23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Dikdörtgen 8"/>
          <p:cNvSpPr/>
          <p:nvPr>
            <p:custDataLst>
              <p:tags r:id="rId2"/>
            </p:custDataLst>
          </p:nvPr>
        </p:nvSpPr>
        <p:spPr>
          <a:xfrm>
            <a:off x="440033" y="4539383"/>
            <a:ext cx="11566866" cy="1557549"/>
          </a:xfrm>
          <a:prstGeom prst="rect">
            <a:avLst/>
          </a:prstGeom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1" name="Dikdörtgen 20"/>
          <p:cNvSpPr/>
          <p:nvPr>
            <p:custDataLst>
              <p:tags r:id="rId3"/>
            </p:custDataLst>
          </p:nvPr>
        </p:nvSpPr>
        <p:spPr>
          <a:xfrm>
            <a:off x="2566736" y="3710330"/>
            <a:ext cx="7593277" cy="682403"/>
          </a:xfrm>
          <a:prstGeom prst="rect">
            <a:avLst/>
          </a:prstGeom>
          <a:solidFill>
            <a:srgbClr val="008080"/>
          </a:solidFill>
          <a:ln w="6350" cap="flat" cmpd="sng" algn="ctr">
            <a:solidFill>
              <a:schemeClr val="accent2"/>
            </a:solidFill>
            <a:prstDash val="solid"/>
            <a:miter lim="800000"/>
          </a:ln>
          <a:effectLst/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Boşluğa gelecek kelimeyi seçiniz.</a:t>
            </a:r>
          </a:p>
        </p:txBody>
      </p:sp>
      <p:sp>
        <p:nvSpPr>
          <p:cNvPr id="22" name="Dikdörtgen 21"/>
          <p:cNvSpPr/>
          <p:nvPr>
            <p:custDataLst>
              <p:tags r:id="rId4"/>
            </p:custDataLst>
          </p:nvPr>
        </p:nvSpPr>
        <p:spPr>
          <a:xfrm rot="20470353">
            <a:off x="3619141" y="4938576"/>
            <a:ext cx="1792617" cy="591878"/>
          </a:xfrm>
          <a:prstGeom prst="rect">
            <a:avLst/>
          </a:prstGeom>
          <a:gradFill rotWithShape="1">
            <a:gsLst>
              <a:gs pos="0">
                <a:schemeClr val="accent2">
                  <a:lumMod val="110000"/>
                  <a:satMod val="105000"/>
                  <a:tint val="67000"/>
                </a:schemeClr>
              </a:gs>
              <a:gs pos="50000">
                <a:schemeClr val="accent2">
                  <a:lumMod val="105000"/>
                  <a:satMod val="103000"/>
                  <a:tint val="73000"/>
                </a:schemeClr>
              </a:gs>
              <a:gs pos="100000">
                <a:schemeClr val="accent2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2"/>
            </a:solidFill>
            <a:prstDash val="solid"/>
            <a:miter lim="800000"/>
          </a:ln>
          <a:effectLst/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lvl="0" algn="ctr">
              <a:defRPr/>
            </a:pPr>
            <a:r>
              <a:rPr lang="tr-TR" sz="3600" dirty="0" err="1">
                <a:solidFill>
                  <a:schemeClr val="tx1"/>
                </a:solidFill>
              </a:rPr>
              <a:t>senâük</a:t>
            </a:r>
            <a:endParaRPr kumimoji="0" lang="tr-TR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5" name="Serbest Form 24"/>
          <p:cNvSpPr/>
          <p:nvPr/>
        </p:nvSpPr>
        <p:spPr>
          <a:xfrm>
            <a:off x="11097866" y="2276962"/>
            <a:ext cx="680485" cy="1020727"/>
          </a:xfrm>
          <a:custGeom>
            <a:avLst/>
            <a:gdLst>
              <a:gd name="connsiteX0" fmla="*/ 0 w 680485"/>
              <a:gd name="connsiteY0" fmla="*/ 0 h 1020727"/>
              <a:gd name="connsiteX1" fmla="*/ 680485 w 680485"/>
              <a:gd name="connsiteY1" fmla="*/ 510364 h 1020727"/>
              <a:gd name="connsiteX2" fmla="*/ 0 w 680485"/>
              <a:gd name="connsiteY2" fmla="*/ 1020727 h 1020727"/>
              <a:gd name="connsiteX3" fmla="*/ 0 w 680485"/>
              <a:gd name="connsiteY3" fmla="*/ 953082 h 1020727"/>
              <a:gd name="connsiteX4" fmla="*/ 586674 w 680485"/>
              <a:gd name="connsiteY4" fmla="*/ 517459 h 1020727"/>
              <a:gd name="connsiteX5" fmla="*/ 0 w 680485"/>
              <a:gd name="connsiteY5" fmla="*/ 73072 h 102072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680485" h="1020727">
                <a:moveTo>
                  <a:pt x="0" y="0"/>
                </a:moveTo>
                <a:lnTo>
                  <a:pt x="680485" y="510364"/>
                </a:lnTo>
                <a:lnTo>
                  <a:pt x="0" y="1020727"/>
                </a:lnTo>
                <a:lnTo>
                  <a:pt x="0" y="953082"/>
                </a:lnTo>
                <a:lnTo>
                  <a:pt x="586674" y="517459"/>
                </a:lnTo>
                <a:lnTo>
                  <a:pt x="0" y="73072"/>
                </a:lnTo>
                <a:close/>
              </a:path>
            </a:pathLst>
          </a:custGeom>
          <a:solidFill>
            <a:srgbClr val="1AA68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6" name="Dikdörtgen 25">
            <a:hlinkClick r:id="" action="ppaction://hlinkshowjump?jump=nextslide"/>
          </p:cNvPr>
          <p:cNvSpPr/>
          <p:nvPr/>
        </p:nvSpPr>
        <p:spPr>
          <a:xfrm>
            <a:off x="11026262" y="2281075"/>
            <a:ext cx="752089" cy="1020727"/>
          </a:xfrm>
          <a:prstGeom prst="rect">
            <a:avLst/>
          </a:prstGeom>
          <a:gradFill flip="none" rotWithShape="1">
            <a:gsLst>
              <a:gs pos="29000">
                <a:schemeClr val="accent6">
                  <a:lumMod val="0"/>
                  <a:lumOff val="100000"/>
                  <a:alpha val="0"/>
                </a:schemeClr>
              </a:gs>
              <a:gs pos="100000">
                <a:schemeClr val="accent6">
                  <a:lumMod val="100000"/>
                  <a:alpha val="47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solidFill>
              <a:schemeClr val="accent3">
                <a:lumMod val="60000"/>
                <a:lumOff val="40000"/>
              </a:schemeClr>
            </a:solidFill>
          </a:ln>
          <a:effectLst>
            <a:innerShdw blurRad="292100">
              <a:prstClr val="black"/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7" name="Serbest Form 26"/>
          <p:cNvSpPr/>
          <p:nvPr/>
        </p:nvSpPr>
        <p:spPr>
          <a:xfrm rot="10800000">
            <a:off x="231399" y="2254225"/>
            <a:ext cx="862735" cy="1020727"/>
          </a:xfrm>
          <a:custGeom>
            <a:avLst/>
            <a:gdLst>
              <a:gd name="connsiteX0" fmla="*/ 0 w 680485"/>
              <a:gd name="connsiteY0" fmla="*/ 0 h 1020727"/>
              <a:gd name="connsiteX1" fmla="*/ 680485 w 680485"/>
              <a:gd name="connsiteY1" fmla="*/ 510364 h 1020727"/>
              <a:gd name="connsiteX2" fmla="*/ 0 w 680485"/>
              <a:gd name="connsiteY2" fmla="*/ 1020727 h 1020727"/>
              <a:gd name="connsiteX3" fmla="*/ 0 w 680485"/>
              <a:gd name="connsiteY3" fmla="*/ 953082 h 1020727"/>
              <a:gd name="connsiteX4" fmla="*/ 586674 w 680485"/>
              <a:gd name="connsiteY4" fmla="*/ 517459 h 1020727"/>
              <a:gd name="connsiteX5" fmla="*/ 0 w 680485"/>
              <a:gd name="connsiteY5" fmla="*/ 73072 h 102072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680485" h="1020727">
                <a:moveTo>
                  <a:pt x="0" y="0"/>
                </a:moveTo>
                <a:lnTo>
                  <a:pt x="680485" y="510364"/>
                </a:lnTo>
                <a:lnTo>
                  <a:pt x="0" y="1020727"/>
                </a:lnTo>
                <a:lnTo>
                  <a:pt x="0" y="953082"/>
                </a:lnTo>
                <a:lnTo>
                  <a:pt x="586674" y="517459"/>
                </a:lnTo>
                <a:lnTo>
                  <a:pt x="0" y="73072"/>
                </a:lnTo>
                <a:close/>
              </a:path>
            </a:pathLst>
          </a:custGeom>
          <a:solidFill>
            <a:srgbClr val="1AA68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8" name="Dikdörtgen 27">
            <a:hlinkClick r:id="" action="ppaction://hlinkshowjump?jump=previousslide"/>
          </p:cNvPr>
          <p:cNvSpPr/>
          <p:nvPr/>
        </p:nvSpPr>
        <p:spPr>
          <a:xfrm rot="10800000">
            <a:off x="234633" y="2263804"/>
            <a:ext cx="994342" cy="1020727"/>
          </a:xfrm>
          <a:prstGeom prst="rect">
            <a:avLst/>
          </a:prstGeom>
          <a:gradFill flip="none" rotWithShape="1">
            <a:gsLst>
              <a:gs pos="29000">
                <a:schemeClr val="accent6">
                  <a:lumMod val="0"/>
                  <a:lumOff val="100000"/>
                  <a:alpha val="0"/>
                </a:schemeClr>
              </a:gs>
              <a:gs pos="100000">
                <a:schemeClr val="accent6">
                  <a:lumMod val="100000"/>
                  <a:alpha val="47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solidFill>
              <a:schemeClr val="accent3">
                <a:lumMod val="60000"/>
                <a:lumOff val="40000"/>
              </a:schemeClr>
            </a:solidFill>
          </a:ln>
          <a:effectLst>
            <a:innerShdw blurRad="292100">
              <a:prstClr val="black"/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" name="Dikdörtgen 28"/>
          <p:cNvSpPr/>
          <p:nvPr/>
        </p:nvSpPr>
        <p:spPr>
          <a:xfrm>
            <a:off x="1467036" y="2042123"/>
            <a:ext cx="9321165" cy="1498632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400" dirty="0">
                <a:solidFill>
                  <a:schemeClr val="tx1"/>
                </a:solidFill>
              </a:rPr>
              <a:t>Ve </a:t>
            </a:r>
            <a:r>
              <a:rPr lang="tr-TR" sz="4400" dirty="0" err="1">
                <a:solidFill>
                  <a:schemeClr val="tx1"/>
                </a:solidFill>
              </a:rPr>
              <a:t>celle</a:t>
            </a:r>
            <a:r>
              <a:rPr lang="tr-TR" sz="4400" dirty="0">
                <a:solidFill>
                  <a:schemeClr val="tx1"/>
                </a:solidFill>
              </a:rPr>
              <a:t> _______. Ve lâ ilâhe </a:t>
            </a:r>
            <a:r>
              <a:rPr lang="tr-TR" sz="4400" dirty="0" err="1">
                <a:solidFill>
                  <a:schemeClr val="tx1"/>
                </a:solidFill>
              </a:rPr>
              <a:t>ğayruk</a:t>
            </a:r>
            <a:endParaRPr kumimoji="0" lang="tr-TR" sz="60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31" name="Dikdörtgen 30"/>
          <p:cNvSpPr/>
          <p:nvPr>
            <p:custDataLst>
              <p:tags r:id="rId5"/>
            </p:custDataLst>
          </p:nvPr>
        </p:nvSpPr>
        <p:spPr>
          <a:xfrm>
            <a:off x="3940367" y="2150340"/>
            <a:ext cx="2065981" cy="887977"/>
          </a:xfrm>
          <a:prstGeom prst="rect">
            <a:avLst/>
          </a:prstGeom>
          <a:solidFill>
            <a:srgbClr val="008080"/>
          </a:solidFill>
          <a:ln w="6350" cap="flat" cmpd="sng" algn="ctr">
            <a:solidFill>
              <a:schemeClr val="accent3"/>
            </a:solidFill>
            <a:prstDash val="solid"/>
            <a:miter lim="800000"/>
          </a:ln>
          <a:effectLst/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lvl="0" algn="ctr">
              <a:defRPr/>
            </a:pPr>
            <a:r>
              <a:rPr lang="tr-TR" sz="4400" dirty="0" err="1">
                <a:solidFill>
                  <a:schemeClr val="bg1"/>
                </a:solidFill>
              </a:rPr>
              <a:t>senâük</a:t>
            </a:r>
            <a:endParaRPr kumimoji="0" lang="tr-TR" sz="4400" b="1" i="0" u="none" strike="noStrike" kern="1200" cap="none" spc="0" normalizeH="0" baseline="0" noProof="0" dirty="0">
              <a:ln>
                <a:noFill/>
              </a:ln>
              <a:solidFill>
                <a:schemeClr val="bg1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32" name="Dikdörtgen 31"/>
          <p:cNvSpPr/>
          <p:nvPr/>
        </p:nvSpPr>
        <p:spPr>
          <a:xfrm>
            <a:off x="3614597" y="160799"/>
            <a:ext cx="4962807" cy="882696"/>
          </a:xfrm>
          <a:prstGeom prst="rect">
            <a:avLst/>
          </a:prstGeom>
          <a:solidFill>
            <a:schemeClr val="bg1"/>
          </a:solidFill>
          <a:ln w="28575">
            <a:solidFill>
              <a:schemeClr val="tx1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Bir sor bir cevap?</a:t>
            </a:r>
          </a:p>
        </p:txBody>
      </p:sp>
      <p:sp>
        <p:nvSpPr>
          <p:cNvPr id="30" name="Dikdörtgen 29"/>
          <p:cNvSpPr/>
          <p:nvPr>
            <p:custDataLst>
              <p:tags r:id="rId6"/>
            </p:custDataLst>
          </p:nvPr>
        </p:nvSpPr>
        <p:spPr>
          <a:xfrm rot="519644">
            <a:off x="5669854" y="5127011"/>
            <a:ext cx="4561653" cy="604152"/>
          </a:xfrm>
          <a:prstGeom prst="rect">
            <a:avLst/>
          </a:prstGeom>
          <a:gradFill rotWithShape="1">
            <a:gsLst>
              <a:gs pos="0">
                <a:schemeClr val="accent1">
                  <a:lumMod val="110000"/>
                  <a:satMod val="105000"/>
                  <a:tint val="67000"/>
                </a:schemeClr>
              </a:gs>
              <a:gs pos="50000">
                <a:schemeClr val="accent1">
                  <a:lumMod val="105000"/>
                  <a:satMod val="103000"/>
                  <a:tint val="73000"/>
                </a:schemeClr>
              </a:gs>
              <a:gs pos="100000">
                <a:schemeClr val="accent1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1"/>
            </a:solidFill>
            <a:prstDash val="solid"/>
            <a:miter lim="800000"/>
          </a:ln>
          <a:effec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600" dirty="0" err="1"/>
              <a:t>Sübhâneke</a:t>
            </a:r>
            <a:r>
              <a:rPr lang="tr-TR" sz="3600" dirty="0"/>
              <a:t> </a:t>
            </a:r>
            <a:r>
              <a:rPr lang="tr-TR" sz="3600" dirty="0" err="1"/>
              <a:t>Allâhümme</a:t>
            </a:r>
            <a:endParaRPr lang="tr-TR" sz="3600" dirty="0"/>
          </a:p>
        </p:txBody>
      </p:sp>
      <p:sp>
        <p:nvSpPr>
          <p:cNvPr id="33" name="Dikdörtgen 32"/>
          <p:cNvSpPr/>
          <p:nvPr>
            <p:custDataLst>
              <p:tags r:id="rId7"/>
            </p:custDataLst>
          </p:nvPr>
        </p:nvSpPr>
        <p:spPr>
          <a:xfrm rot="519644">
            <a:off x="5675362" y="5038361"/>
            <a:ext cx="4717914" cy="694425"/>
          </a:xfrm>
          <a:prstGeom prst="rect">
            <a:avLst/>
          </a:prstGeom>
          <a:solidFill>
            <a:srgbClr val="FF0000"/>
          </a:solidFill>
          <a:ln w="6350" cap="flat" cmpd="sng" algn="ctr">
            <a:solidFill>
              <a:schemeClr val="accent1"/>
            </a:solidFill>
            <a:prstDash val="solid"/>
            <a:miter lim="800000"/>
          </a:ln>
          <a:effec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600" dirty="0" err="1">
                <a:solidFill>
                  <a:schemeClr val="bg1"/>
                </a:solidFill>
              </a:rPr>
              <a:t>Sübhâneke</a:t>
            </a:r>
            <a:r>
              <a:rPr lang="tr-TR" sz="3200" dirty="0"/>
              <a:t> </a:t>
            </a:r>
            <a:r>
              <a:rPr lang="tr-TR" sz="3600" dirty="0" err="1">
                <a:solidFill>
                  <a:schemeClr val="bg1"/>
                </a:solidFill>
              </a:rPr>
              <a:t>Allâhümme</a:t>
            </a:r>
            <a:endParaRPr lang="tr-TR" sz="3200" dirty="0">
              <a:solidFill>
                <a:schemeClr val="bg1"/>
              </a:solidFill>
            </a:endParaRPr>
          </a:p>
        </p:txBody>
      </p:sp>
      <p:sp>
        <p:nvSpPr>
          <p:cNvPr id="38" name="Dikdörtgen 37"/>
          <p:cNvSpPr/>
          <p:nvPr>
            <p:custDataLst>
              <p:tags r:id="rId8"/>
            </p:custDataLst>
          </p:nvPr>
        </p:nvSpPr>
        <p:spPr>
          <a:xfrm>
            <a:off x="631376" y="4935961"/>
            <a:ext cx="2684921" cy="694354"/>
          </a:xfrm>
          <a:prstGeom prst="rect">
            <a:avLst/>
          </a:prstGeom>
          <a:gradFill rotWithShape="1">
            <a:gsLst>
              <a:gs pos="0">
                <a:schemeClr val="accent3">
                  <a:lumMod val="110000"/>
                  <a:satMod val="105000"/>
                  <a:tint val="67000"/>
                </a:schemeClr>
              </a:gs>
              <a:gs pos="50000">
                <a:schemeClr val="accent3">
                  <a:lumMod val="105000"/>
                  <a:satMod val="103000"/>
                  <a:tint val="73000"/>
                </a:schemeClr>
              </a:gs>
              <a:gs pos="100000">
                <a:schemeClr val="accent3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3"/>
            </a:solidFill>
            <a:prstDash val="solid"/>
            <a:miter lim="800000"/>
          </a:ln>
          <a:effectLst/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lvl="0" algn="ctr">
              <a:defRPr/>
            </a:pPr>
            <a:r>
              <a:rPr lang="tr-TR" sz="4000" dirty="0" err="1"/>
              <a:t>hamdik</a:t>
            </a:r>
            <a:endParaRPr kumimoji="0" lang="tr-TR" sz="40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39" name="Dikdörtgen 38"/>
          <p:cNvSpPr/>
          <p:nvPr>
            <p:custDataLst>
              <p:tags r:id="rId9"/>
            </p:custDataLst>
          </p:nvPr>
        </p:nvSpPr>
        <p:spPr>
          <a:xfrm>
            <a:off x="631376" y="4935961"/>
            <a:ext cx="2684921" cy="694353"/>
          </a:xfrm>
          <a:prstGeom prst="rect">
            <a:avLst/>
          </a:prstGeom>
          <a:solidFill>
            <a:srgbClr val="FF0000"/>
          </a:solidFill>
          <a:ln w="6350" cap="flat" cmpd="sng" algn="ctr">
            <a:solidFill>
              <a:schemeClr val="accent3"/>
            </a:solidFill>
            <a:prstDash val="solid"/>
            <a:miter lim="800000"/>
          </a:ln>
          <a:effectLst/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lvl="0" algn="ctr">
              <a:defRPr/>
            </a:pPr>
            <a:r>
              <a:rPr lang="tr-TR" sz="3600" dirty="0" err="1">
                <a:solidFill>
                  <a:schemeClr val="bg1"/>
                </a:solidFill>
              </a:rPr>
              <a:t>hamdik</a:t>
            </a:r>
            <a:endParaRPr kumimoji="0" lang="tr-TR" sz="3600" b="0" i="0" u="none" strike="noStrike" kern="1200" cap="none" spc="0" normalizeH="0" baseline="0" noProof="0" dirty="0">
              <a:ln>
                <a:noFill/>
              </a:ln>
              <a:solidFill>
                <a:schemeClr val="bg1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40" name="Yuvarlatılmış Dikdörtgen 39"/>
          <p:cNvSpPr/>
          <p:nvPr/>
        </p:nvSpPr>
        <p:spPr>
          <a:xfrm>
            <a:off x="11097866" y="160799"/>
            <a:ext cx="921279" cy="769643"/>
          </a:xfrm>
          <a:prstGeom prst="roundRect">
            <a:avLst/>
          </a:prstGeom>
          <a:solidFill>
            <a:srgbClr val="FFCC9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800" dirty="0">
                <a:solidFill>
                  <a:schemeClr val="tx1"/>
                </a:solidFill>
              </a:rPr>
              <a:t>4</a:t>
            </a:r>
          </a:p>
        </p:txBody>
      </p:sp>
      <p:sp>
        <p:nvSpPr>
          <p:cNvPr id="23" name="Dikdörtgen 22"/>
          <p:cNvSpPr/>
          <p:nvPr>
            <p:custDataLst>
              <p:tags r:id="rId10"/>
            </p:custDataLst>
          </p:nvPr>
        </p:nvSpPr>
        <p:spPr>
          <a:xfrm rot="1581798">
            <a:off x="9951083" y="5023209"/>
            <a:ext cx="1822495" cy="651445"/>
          </a:xfrm>
          <a:prstGeom prst="rect">
            <a:avLst/>
          </a:prstGeom>
          <a:gradFill rotWithShape="1">
            <a:gsLst>
              <a:gs pos="0">
                <a:schemeClr val="accent6">
                  <a:lumMod val="110000"/>
                  <a:satMod val="105000"/>
                  <a:tint val="67000"/>
                </a:schemeClr>
              </a:gs>
              <a:gs pos="50000">
                <a:schemeClr val="accent6">
                  <a:lumMod val="105000"/>
                  <a:satMod val="103000"/>
                  <a:tint val="73000"/>
                </a:schemeClr>
              </a:gs>
              <a:gs pos="100000">
                <a:schemeClr val="accent6">
                  <a:lumMod val="105000"/>
                  <a:satMod val="109000"/>
                  <a:tint val="81000"/>
                </a:schemeClr>
              </a:gs>
            </a:gsLst>
            <a:lin ang="5400000" scaled="0"/>
          </a:gradFill>
          <a:ln w="6350" cap="flat" cmpd="sng" algn="ctr">
            <a:solidFill>
              <a:schemeClr val="accent6"/>
            </a:solidFill>
            <a:prstDash val="solid"/>
            <a:miter lim="800000"/>
          </a:ln>
          <a:effectLst/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 err="1"/>
              <a:t>kesmük</a:t>
            </a:r>
            <a:r>
              <a:rPr lang="tr-TR" sz="4000" dirty="0"/>
              <a:t> </a:t>
            </a:r>
          </a:p>
        </p:txBody>
      </p:sp>
      <p:sp>
        <p:nvSpPr>
          <p:cNvPr id="24" name="Dikdörtgen 23"/>
          <p:cNvSpPr/>
          <p:nvPr>
            <p:custDataLst>
              <p:tags r:id="rId11"/>
            </p:custDataLst>
          </p:nvPr>
        </p:nvSpPr>
        <p:spPr>
          <a:xfrm rot="1581798">
            <a:off x="9904024" y="4952672"/>
            <a:ext cx="1916611" cy="730966"/>
          </a:xfrm>
          <a:prstGeom prst="rect">
            <a:avLst/>
          </a:prstGeom>
          <a:solidFill>
            <a:srgbClr val="FF0000"/>
          </a:solidFill>
          <a:ln w="6350" cap="flat" cmpd="sng" algn="ctr">
            <a:solidFill>
              <a:schemeClr val="accent6"/>
            </a:solidFill>
            <a:prstDash val="solid"/>
            <a:miter lim="800000"/>
          </a:ln>
          <a:effectLst/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 err="1">
                <a:solidFill>
                  <a:schemeClr val="bg1"/>
                </a:solidFill>
              </a:rPr>
              <a:t>kesmük</a:t>
            </a:r>
            <a:r>
              <a:rPr lang="tr-TR" sz="4000" dirty="0">
                <a:solidFill>
                  <a:schemeClr val="bg1"/>
                </a:solidFill>
              </a:rPr>
              <a:t>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3078672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11" restart="whenNotActive" fill="hold" evtFilter="cancelBubble" nodeType="interactiveSeq">
                <p:stCondLst>
                  <p:cond evt="onClick" delay="0">
                    <p:tgtEl>
                      <p:spTgt spid="3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" fill="hold">
                      <p:stCondLst>
                        <p:cond delay="0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0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  <p:seq concurrent="1" nextAc="seek">
              <p:cTn id="23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4" fill="hold">
                      <p:stCondLst>
                        <p:cond delay="0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</p:childTnLst>
        </p:cTn>
      </p:par>
    </p:tnLst>
    <p:bldLst>
      <p:bldP spid="22" grpId="0" animBg="1"/>
      <p:bldP spid="31" grpId="0" animBg="1"/>
      <p:bldP spid="33" grpId="0" animBg="1"/>
      <p:bldP spid="39" grpId="0" animBg="1"/>
      <p:bldP spid="24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oogle Shape;2282;p54"/>
          <p:cNvGrpSpPr/>
          <p:nvPr/>
        </p:nvGrpSpPr>
        <p:grpSpPr>
          <a:xfrm>
            <a:off x="5197396" y="1289616"/>
            <a:ext cx="6404053" cy="4634934"/>
            <a:chOff x="3578510" y="1419647"/>
            <a:chExt cx="4021500" cy="3062887"/>
          </a:xfrm>
        </p:grpSpPr>
        <p:sp>
          <p:nvSpPr>
            <p:cNvPr id="3" name="Google Shape;2283;p54"/>
            <p:cNvSpPr/>
            <p:nvPr/>
          </p:nvSpPr>
          <p:spPr>
            <a:xfrm>
              <a:off x="3716658" y="1548119"/>
              <a:ext cx="3748500" cy="228570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" name="Google Shape;2284;p54"/>
            <p:cNvSpPr/>
            <p:nvPr/>
          </p:nvSpPr>
          <p:spPr>
            <a:xfrm>
              <a:off x="3578510" y="1419647"/>
              <a:ext cx="4021500" cy="2544300"/>
            </a:xfrm>
            <a:prstGeom prst="roundRect">
              <a:avLst>
                <a:gd name="adj" fmla="val 3857"/>
              </a:avLst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5" name="Google Shape;2285;p54"/>
            <p:cNvSpPr/>
            <p:nvPr/>
          </p:nvSpPr>
          <p:spPr>
            <a:xfrm>
              <a:off x="4900908" y="3963886"/>
              <a:ext cx="1373274" cy="518648"/>
            </a:xfrm>
            <a:custGeom>
              <a:avLst/>
              <a:gdLst/>
              <a:ahLst/>
              <a:cxnLst/>
              <a:rect l="l" t="t" r="r" b="b"/>
              <a:pathLst>
                <a:path w="65999" h="24926" extrusionOk="0">
                  <a:moveTo>
                    <a:pt x="13372" y="0"/>
                  </a:moveTo>
                  <a:cubicBezTo>
                    <a:pt x="13051" y="1881"/>
                    <a:pt x="12653" y="8225"/>
                    <a:pt x="11445" y="11283"/>
                  </a:cubicBezTo>
                  <a:cubicBezTo>
                    <a:pt x="10237" y="14341"/>
                    <a:pt x="7883" y="16511"/>
                    <a:pt x="6125" y="18346"/>
                  </a:cubicBezTo>
                  <a:cubicBezTo>
                    <a:pt x="4367" y="20181"/>
                    <a:pt x="1875" y="21297"/>
                    <a:pt x="896" y="22291"/>
                  </a:cubicBezTo>
                  <a:cubicBezTo>
                    <a:pt x="-82" y="23285"/>
                    <a:pt x="-174" y="23896"/>
                    <a:pt x="254" y="24309"/>
                  </a:cubicBezTo>
                  <a:cubicBezTo>
                    <a:pt x="682" y="24722"/>
                    <a:pt x="805" y="24692"/>
                    <a:pt x="3465" y="24768"/>
                  </a:cubicBezTo>
                  <a:cubicBezTo>
                    <a:pt x="6125" y="24845"/>
                    <a:pt x="10925" y="24768"/>
                    <a:pt x="16215" y="24768"/>
                  </a:cubicBezTo>
                  <a:cubicBezTo>
                    <a:pt x="21505" y="24768"/>
                    <a:pt x="28630" y="24768"/>
                    <a:pt x="35204" y="24768"/>
                  </a:cubicBezTo>
                  <a:cubicBezTo>
                    <a:pt x="41778" y="24768"/>
                    <a:pt x="50783" y="24768"/>
                    <a:pt x="55660" y="24768"/>
                  </a:cubicBezTo>
                  <a:cubicBezTo>
                    <a:pt x="60537" y="24768"/>
                    <a:pt x="62754" y="25104"/>
                    <a:pt x="64466" y="24768"/>
                  </a:cubicBezTo>
                  <a:cubicBezTo>
                    <a:pt x="66178" y="24432"/>
                    <a:pt x="66056" y="23346"/>
                    <a:pt x="65934" y="22750"/>
                  </a:cubicBezTo>
                  <a:cubicBezTo>
                    <a:pt x="65812" y="22154"/>
                    <a:pt x="65353" y="22765"/>
                    <a:pt x="63732" y="21190"/>
                  </a:cubicBezTo>
                  <a:cubicBezTo>
                    <a:pt x="62111" y="19615"/>
                    <a:pt x="57999" y="16512"/>
                    <a:pt x="56210" y="13301"/>
                  </a:cubicBezTo>
                  <a:cubicBezTo>
                    <a:pt x="54421" y="10091"/>
                    <a:pt x="53505" y="4083"/>
                    <a:pt x="53000" y="1927"/>
                  </a:cubicBezTo>
                  <a:cubicBezTo>
                    <a:pt x="52496" y="-229"/>
                    <a:pt x="53153" y="627"/>
                    <a:pt x="53183" y="367"/>
                  </a:cubicBezTo>
                </a:path>
              </a:pathLst>
            </a:cu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  <p:txBody>
            <a:bodyPr/>
            <a:lstStyle/>
            <a:p>
              <a:endParaRPr lang="tr-TR"/>
            </a:p>
          </p:txBody>
        </p:sp>
        <p:cxnSp>
          <p:nvCxnSpPr>
            <p:cNvPr id="6" name="Google Shape;2286;p54"/>
            <p:cNvCxnSpPr/>
            <p:nvPr/>
          </p:nvCxnSpPr>
          <p:spPr>
            <a:xfrm>
              <a:off x="4915750" y="4433452"/>
              <a:ext cx="1353300" cy="0"/>
            </a:xfrm>
            <a:prstGeom prst="straightConnector1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grpSp>
        <p:nvGrpSpPr>
          <p:cNvPr id="8" name="Google Shape;2299;p54"/>
          <p:cNvGrpSpPr/>
          <p:nvPr/>
        </p:nvGrpSpPr>
        <p:grpSpPr>
          <a:xfrm>
            <a:off x="7086600" y="6095160"/>
            <a:ext cx="2358113" cy="362790"/>
            <a:chOff x="1816609" y="3851001"/>
            <a:chExt cx="1093674" cy="222193"/>
          </a:xfrm>
        </p:grpSpPr>
        <p:sp>
          <p:nvSpPr>
            <p:cNvPr id="9" name="Google Shape;2300;p54"/>
            <p:cNvSpPr/>
            <p:nvPr/>
          </p:nvSpPr>
          <p:spPr>
            <a:xfrm>
              <a:off x="1816609" y="3851001"/>
              <a:ext cx="1093674" cy="222193"/>
            </a:xfrm>
            <a:custGeom>
              <a:avLst/>
              <a:gdLst/>
              <a:ahLst/>
              <a:cxnLst/>
              <a:rect l="l" t="t" r="r" b="b"/>
              <a:pathLst>
                <a:path w="38900" h="7903" extrusionOk="0">
                  <a:moveTo>
                    <a:pt x="32154" y="852"/>
                  </a:moveTo>
                  <a:cubicBezTo>
                    <a:pt x="32029" y="852"/>
                    <a:pt x="31911" y="870"/>
                    <a:pt x="31815" y="910"/>
                  </a:cubicBezTo>
                  <a:cubicBezTo>
                    <a:pt x="30934" y="1259"/>
                    <a:pt x="30057" y="1619"/>
                    <a:pt x="29183" y="1986"/>
                  </a:cubicBezTo>
                  <a:cubicBezTo>
                    <a:pt x="30289" y="1683"/>
                    <a:pt x="31405" y="1423"/>
                    <a:pt x="32535" y="1209"/>
                  </a:cubicBezTo>
                  <a:cubicBezTo>
                    <a:pt x="32581" y="1198"/>
                    <a:pt x="32635" y="1195"/>
                    <a:pt x="32688" y="1195"/>
                  </a:cubicBezTo>
                  <a:cubicBezTo>
                    <a:pt x="32853" y="1195"/>
                    <a:pt x="33041" y="1234"/>
                    <a:pt x="33223" y="1298"/>
                  </a:cubicBezTo>
                  <a:cubicBezTo>
                    <a:pt x="32998" y="1017"/>
                    <a:pt x="32532" y="852"/>
                    <a:pt x="32154" y="852"/>
                  </a:cubicBezTo>
                  <a:close/>
                  <a:moveTo>
                    <a:pt x="36026" y="1808"/>
                  </a:moveTo>
                  <a:cubicBezTo>
                    <a:pt x="35323" y="1808"/>
                    <a:pt x="34635" y="1886"/>
                    <a:pt x="33969" y="2036"/>
                  </a:cubicBezTo>
                  <a:cubicBezTo>
                    <a:pt x="33969" y="2172"/>
                    <a:pt x="33908" y="2318"/>
                    <a:pt x="33758" y="2464"/>
                  </a:cubicBezTo>
                  <a:cubicBezTo>
                    <a:pt x="33648" y="2575"/>
                    <a:pt x="33541" y="2689"/>
                    <a:pt x="33441" y="2803"/>
                  </a:cubicBezTo>
                  <a:cubicBezTo>
                    <a:pt x="33530" y="2781"/>
                    <a:pt x="33619" y="2775"/>
                    <a:pt x="33712" y="2775"/>
                  </a:cubicBezTo>
                  <a:cubicBezTo>
                    <a:pt x="34364" y="2775"/>
                    <a:pt x="35031" y="3256"/>
                    <a:pt x="35052" y="3695"/>
                  </a:cubicBezTo>
                  <a:cubicBezTo>
                    <a:pt x="35341" y="3655"/>
                    <a:pt x="35634" y="3637"/>
                    <a:pt x="35926" y="3637"/>
                  </a:cubicBezTo>
                  <a:cubicBezTo>
                    <a:pt x="36290" y="3637"/>
                    <a:pt x="36657" y="3666"/>
                    <a:pt x="37028" y="3723"/>
                  </a:cubicBezTo>
                  <a:cubicBezTo>
                    <a:pt x="37099" y="3734"/>
                    <a:pt x="37170" y="3737"/>
                    <a:pt x="37234" y="3737"/>
                  </a:cubicBezTo>
                  <a:cubicBezTo>
                    <a:pt x="38415" y="3737"/>
                    <a:pt x="38900" y="2136"/>
                    <a:pt x="37502" y="1922"/>
                  </a:cubicBezTo>
                  <a:cubicBezTo>
                    <a:pt x="37007" y="1843"/>
                    <a:pt x="36511" y="1808"/>
                    <a:pt x="36026" y="1808"/>
                  </a:cubicBezTo>
                  <a:close/>
                  <a:moveTo>
                    <a:pt x="6480" y="3645"/>
                  </a:moveTo>
                  <a:lnTo>
                    <a:pt x="6480" y="3645"/>
                  </a:lnTo>
                  <a:cubicBezTo>
                    <a:pt x="6466" y="3652"/>
                    <a:pt x="6455" y="3655"/>
                    <a:pt x="6441" y="3659"/>
                  </a:cubicBezTo>
                  <a:cubicBezTo>
                    <a:pt x="6412" y="3723"/>
                    <a:pt x="6383" y="3787"/>
                    <a:pt x="6359" y="3851"/>
                  </a:cubicBezTo>
                  <a:cubicBezTo>
                    <a:pt x="6398" y="3784"/>
                    <a:pt x="6437" y="3713"/>
                    <a:pt x="6480" y="3645"/>
                  </a:cubicBezTo>
                  <a:close/>
                  <a:moveTo>
                    <a:pt x="21010" y="0"/>
                  </a:moveTo>
                  <a:cubicBezTo>
                    <a:pt x="20879" y="0"/>
                    <a:pt x="20747" y="18"/>
                    <a:pt x="20622" y="64"/>
                  </a:cubicBezTo>
                  <a:cubicBezTo>
                    <a:pt x="18436" y="831"/>
                    <a:pt x="16353" y="1801"/>
                    <a:pt x="14389" y="2977"/>
                  </a:cubicBezTo>
                  <a:cubicBezTo>
                    <a:pt x="14735" y="2475"/>
                    <a:pt x="15102" y="1990"/>
                    <a:pt x="15491" y="1512"/>
                  </a:cubicBezTo>
                  <a:cubicBezTo>
                    <a:pt x="16118" y="746"/>
                    <a:pt x="15117" y="289"/>
                    <a:pt x="14353" y="289"/>
                  </a:cubicBezTo>
                  <a:cubicBezTo>
                    <a:pt x="14154" y="289"/>
                    <a:pt x="13972" y="318"/>
                    <a:pt x="13836" y="385"/>
                  </a:cubicBezTo>
                  <a:cubicBezTo>
                    <a:pt x="12110" y="1244"/>
                    <a:pt x="10484" y="2261"/>
                    <a:pt x="8969" y="3431"/>
                  </a:cubicBezTo>
                  <a:cubicBezTo>
                    <a:pt x="9272" y="2842"/>
                    <a:pt x="9614" y="2268"/>
                    <a:pt x="9996" y="1708"/>
                  </a:cubicBezTo>
                  <a:cubicBezTo>
                    <a:pt x="10542" y="906"/>
                    <a:pt x="9646" y="471"/>
                    <a:pt x="8905" y="471"/>
                  </a:cubicBezTo>
                  <a:cubicBezTo>
                    <a:pt x="8694" y="471"/>
                    <a:pt x="8491" y="507"/>
                    <a:pt x="8341" y="581"/>
                  </a:cubicBezTo>
                  <a:cubicBezTo>
                    <a:pt x="5938" y="1741"/>
                    <a:pt x="3534" y="2903"/>
                    <a:pt x="1131" y="4062"/>
                  </a:cubicBezTo>
                  <a:cubicBezTo>
                    <a:pt x="1" y="4608"/>
                    <a:pt x="893" y="5670"/>
                    <a:pt x="1862" y="5670"/>
                  </a:cubicBezTo>
                  <a:cubicBezTo>
                    <a:pt x="2045" y="5670"/>
                    <a:pt x="2226" y="5635"/>
                    <a:pt x="2401" y="5549"/>
                  </a:cubicBezTo>
                  <a:cubicBezTo>
                    <a:pt x="3546" y="4996"/>
                    <a:pt x="4690" y="4443"/>
                    <a:pt x="5835" y="3891"/>
                  </a:cubicBezTo>
                  <a:lnTo>
                    <a:pt x="5835" y="3891"/>
                  </a:lnTo>
                  <a:cubicBezTo>
                    <a:pt x="5392" y="4055"/>
                    <a:pt x="4947" y="4211"/>
                    <a:pt x="4501" y="4361"/>
                  </a:cubicBezTo>
                  <a:cubicBezTo>
                    <a:pt x="4248" y="4447"/>
                    <a:pt x="3944" y="4508"/>
                    <a:pt x="3649" y="4508"/>
                  </a:cubicBezTo>
                  <a:cubicBezTo>
                    <a:pt x="3378" y="4508"/>
                    <a:pt x="3110" y="4458"/>
                    <a:pt x="2886" y="4336"/>
                  </a:cubicBezTo>
                  <a:cubicBezTo>
                    <a:pt x="2532" y="4144"/>
                    <a:pt x="2443" y="3773"/>
                    <a:pt x="2896" y="3619"/>
                  </a:cubicBezTo>
                  <a:cubicBezTo>
                    <a:pt x="4173" y="3191"/>
                    <a:pt x="5428" y="2707"/>
                    <a:pt x="6666" y="2164"/>
                  </a:cubicBezTo>
                  <a:cubicBezTo>
                    <a:pt x="6887" y="2069"/>
                    <a:pt x="7175" y="2015"/>
                    <a:pt x="7464" y="2015"/>
                  </a:cubicBezTo>
                  <a:cubicBezTo>
                    <a:pt x="7593" y="2015"/>
                    <a:pt x="7721" y="2026"/>
                    <a:pt x="7846" y="2047"/>
                  </a:cubicBezTo>
                  <a:cubicBezTo>
                    <a:pt x="8074" y="1901"/>
                    <a:pt x="8330" y="1794"/>
                    <a:pt x="8562" y="1794"/>
                  </a:cubicBezTo>
                  <a:cubicBezTo>
                    <a:pt x="8598" y="1794"/>
                    <a:pt x="8634" y="1797"/>
                    <a:pt x="8669" y="1805"/>
                  </a:cubicBezTo>
                  <a:cubicBezTo>
                    <a:pt x="9054" y="1865"/>
                    <a:pt x="9375" y="2079"/>
                    <a:pt x="9041" y="2490"/>
                  </a:cubicBezTo>
                  <a:cubicBezTo>
                    <a:pt x="8491" y="3153"/>
                    <a:pt x="8074" y="3841"/>
                    <a:pt x="7774" y="4600"/>
                  </a:cubicBezTo>
                  <a:cubicBezTo>
                    <a:pt x="9536" y="3398"/>
                    <a:pt x="11351" y="2283"/>
                    <a:pt x="13223" y="1256"/>
                  </a:cubicBezTo>
                  <a:cubicBezTo>
                    <a:pt x="13379" y="1170"/>
                    <a:pt x="13729" y="1091"/>
                    <a:pt x="14032" y="1091"/>
                  </a:cubicBezTo>
                  <a:cubicBezTo>
                    <a:pt x="14449" y="1091"/>
                    <a:pt x="14778" y="1238"/>
                    <a:pt x="14378" y="1701"/>
                  </a:cubicBezTo>
                  <a:cubicBezTo>
                    <a:pt x="13740" y="2447"/>
                    <a:pt x="13305" y="3220"/>
                    <a:pt x="13055" y="4116"/>
                  </a:cubicBezTo>
                  <a:cubicBezTo>
                    <a:pt x="14791" y="3156"/>
                    <a:pt x="16575" y="2111"/>
                    <a:pt x="18386" y="1494"/>
                  </a:cubicBezTo>
                  <a:cubicBezTo>
                    <a:pt x="18660" y="1402"/>
                    <a:pt x="18896" y="1359"/>
                    <a:pt x="19099" y="1359"/>
                  </a:cubicBezTo>
                  <a:cubicBezTo>
                    <a:pt x="20144" y="1359"/>
                    <a:pt x="20262" y="2514"/>
                    <a:pt x="20204" y="3630"/>
                  </a:cubicBezTo>
                  <a:cubicBezTo>
                    <a:pt x="21502" y="2892"/>
                    <a:pt x="22840" y="2229"/>
                    <a:pt x="24213" y="1634"/>
                  </a:cubicBezTo>
                  <a:cubicBezTo>
                    <a:pt x="24216" y="1630"/>
                    <a:pt x="24216" y="1623"/>
                    <a:pt x="24216" y="1619"/>
                  </a:cubicBezTo>
                  <a:cubicBezTo>
                    <a:pt x="24244" y="1109"/>
                    <a:pt x="24766" y="867"/>
                    <a:pt x="25304" y="867"/>
                  </a:cubicBezTo>
                  <a:cubicBezTo>
                    <a:pt x="25906" y="867"/>
                    <a:pt x="26530" y="1173"/>
                    <a:pt x="26499" y="1744"/>
                  </a:cubicBezTo>
                  <a:cubicBezTo>
                    <a:pt x="26477" y="2126"/>
                    <a:pt x="26438" y="2496"/>
                    <a:pt x="26384" y="2867"/>
                  </a:cubicBezTo>
                  <a:cubicBezTo>
                    <a:pt x="26591" y="2793"/>
                    <a:pt x="26798" y="2721"/>
                    <a:pt x="27004" y="2653"/>
                  </a:cubicBezTo>
                  <a:cubicBezTo>
                    <a:pt x="27236" y="2250"/>
                    <a:pt x="27483" y="1855"/>
                    <a:pt x="27743" y="1466"/>
                  </a:cubicBezTo>
                  <a:cubicBezTo>
                    <a:pt x="28220" y="746"/>
                    <a:pt x="27386" y="168"/>
                    <a:pt x="26695" y="168"/>
                  </a:cubicBezTo>
                  <a:cubicBezTo>
                    <a:pt x="26573" y="168"/>
                    <a:pt x="26459" y="186"/>
                    <a:pt x="26352" y="225"/>
                  </a:cubicBezTo>
                  <a:cubicBezTo>
                    <a:pt x="24637" y="842"/>
                    <a:pt x="23000" y="1591"/>
                    <a:pt x="21431" y="2468"/>
                  </a:cubicBezTo>
                  <a:cubicBezTo>
                    <a:pt x="21624" y="2079"/>
                    <a:pt x="21817" y="1690"/>
                    <a:pt x="22009" y="1305"/>
                  </a:cubicBezTo>
                  <a:cubicBezTo>
                    <a:pt x="22373" y="574"/>
                    <a:pt x="21702" y="0"/>
                    <a:pt x="21010" y="0"/>
                  </a:cubicBezTo>
                  <a:close/>
                  <a:moveTo>
                    <a:pt x="30485" y="3384"/>
                  </a:moveTo>
                  <a:cubicBezTo>
                    <a:pt x="28780" y="3837"/>
                    <a:pt x="27111" y="4407"/>
                    <a:pt x="25467" y="5085"/>
                  </a:cubicBezTo>
                  <a:cubicBezTo>
                    <a:pt x="25325" y="5146"/>
                    <a:pt x="25161" y="5174"/>
                    <a:pt x="24993" y="5174"/>
                  </a:cubicBezTo>
                  <a:cubicBezTo>
                    <a:pt x="24394" y="5174"/>
                    <a:pt x="23749" y="4817"/>
                    <a:pt x="23820" y="4208"/>
                  </a:cubicBezTo>
                  <a:lnTo>
                    <a:pt x="23820" y="4208"/>
                  </a:lnTo>
                  <a:cubicBezTo>
                    <a:pt x="23721" y="4437"/>
                    <a:pt x="23627" y="4668"/>
                    <a:pt x="23538" y="4903"/>
                  </a:cubicBezTo>
                  <a:cubicBezTo>
                    <a:pt x="23257" y="5627"/>
                    <a:pt x="24013" y="5920"/>
                    <a:pt x="24665" y="5920"/>
                  </a:cubicBezTo>
                  <a:cubicBezTo>
                    <a:pt x="24908" y="5920"/>
                    <a:pt x="25136" y="5880"/>
                    <a:pt x="25289" y="5806"/>
                  </a:cubicBezTo>
                  <a:cubicBezTo>
                    <a:pt x="26919" y="5021"/>
                    <a:pt x="28566" y="4276"/>
                    <a:pt x="30231" y="3570"/>
                  </a:cubicBezTo>
                  <a:lnTo>
                    <a:pt x="30231" y="3570"/>
                  </a:lnTo>
                  <a:cubicBezTo>
                    <a:pt x="30131" y="3805"/>
                    <a:pt x="30032" y="4040"/>
                    <a:pt x="29932" y="4276"/>
                  </a:cubicBezTo>
                  <a:cubicBezTo>
                    <a:pt x="29632" y="4985"/>
                    <a:pt x="30292" y="5260"/>
                    <a:pt x="30952" y="5260"/>
                  </a:cubicBezTo>
                  <a:cubicBezTo>
                    <a:pt x="31323" y="5260"/>
                    <a:pt x="31697" y="5171"/>
                    <a:pt x="31893" y="5024"/>
                  </a:cubicBezTo>
                  <a:lnTo>
                    <a:pt x="31893" y="5024"/>
                  </a:lnTo>
                  <a:cubicBezTo>
                    <a:pt x="31869" y="5036"/>
                    <a:pt x="31843" y="5042"/>
                    <a:pt x="31818" y="5049"/>
                  </a:cubicBezTo>
                  <a:cubicBezTo>
                    <a:pt x="31701" y="5082"/>
                    <a:pt x="31558" y="5100"/>
                    <a:pt x="31401" y="5100"/>
                  </a:cubicBezTo>
                  <a:cubicBezTo>
                    <a:pt x="30745" y="5100"/>
                    <a:pt x="29904" y="4786"/>
                    <a:pt x="30192" y="4044"/>
                  </a:cubicBezTo>
                  <a:cubicBezTo>
                    <a:pt x="30281" y="3816"/>
                    <a:pt x="30378" y="3594"/>
                    <a:pt x="30485" y="3384"/>
                  </a:cubicBezTo>
                  <a:close/>
                  <a:moveTo>
                    <a:pt x="24084" y="2903"/>
                  </a:moveTo>
                  <a:lnTo>
                    <a:pt x="24084" y="2903"/>
                  </a:lnTo>
                  <a:cubicBezTo>
                    <a:pt x="22447" y="3627"/>
                    <a:pt x="20875" y="4468"/>
                    <a:pt x="19353" y="5421"/>
                  </a:cubicBezTo>
                  <a:cubicBezTo>
                    <a:pt x="19242" y="5492"/>
                    <a:pt x="18785" y="5663"/>
                    <a:pt x="18443" y="5663"/>
                  </a:cubicBezTo>
                  <a:cubicBezTo>
                    <a:pt x="18208" y="5663"/>
                    <a:pt x="18026" y="5581"/>
                    <a:pt x="18051" y="5331"/>
                  </a:cubicBezTo>
                  <a:cubicBezTo>
                    <a:pt x="18065" y="5167"/>
                    <a:pt x="18122" y="4697"/>
                    <a:pt x="18150" y="4205"/>
                  </a:cubicBezTo>
                  <a:lnTo>
                    <a:pt x="18150" y="4205"/>
                  </a:lnTo>
                  <a:cubicBezTo>
                    <a:pt x="18037" y="4432"/>
                    <a:pt x="17926" y="4661"/>
                    <a:pt x="17812" y="4889"/>
                  </a:cubicBezTo>
                  <a:cubicBezTo>
                    <a:pt x="17398" y="5720"/>
                    <a:pt x="18073" y="6119"/>
                    <a:pt x="18779" y="6119"/>
                  </a:cubicBezTo>
                  <a:cubicBezTo>
                    <a:pt x="19110" y="6119"/>
                    <a:pt x="19445" y="6033"/>
                    <a:pt x="19684" y="5859"/>
                  </a:cubicBezTo>
                  <a:cubicBezTo>
                    <a:pt x="21057" y="4853"/>
                    <a:pt x="22511" y="3976"/>
                    <a:pt x="24030" y="3231"/>
                  </a:cubicBezTo>
                  <a:cubicBezTo>
                    <a:pt x="24048" y="3120"/>
                    <a:pt x="24066" y="3010"/>
                    <a:pt x="24084" y="2903"/>
                  </a:cubicBezTo>
                  <a:close/>
                  <a:moveTo>
                    <a:pt x="17987" y="2828"/>
                  </a:moveTo>
                  <a:cubicBezTo>
                    <a:pt x="17915" y="2828"/>
                    <a:pt x="16671" y="3559"/>
                    <a:pt x="16503" y="3645"/>
                  </a:cubicBezTo>
                  <a:cubicBezTo>
                    <a:pt x="15031" y="4389"/>
                    <a:pt x="13562" y="5131"/>
                    <a:pt x="12089" y="5877"/>
                  </a:cubicBezTo>
                  <a:cubicBezTo>
                    <a:pt x="11993" y="5926"/>
                    <a:pt x="11504" y="6112"/>
                    <a:pt x="11151" y="6112"/>
                  </a:cubicBezTo>
                  <a:cubicBezTo>
                    <a:pt x="10923" y="6112"/>
                    <a:pt x="10756" y="6033"/>
                    <a:pt x="10791" y="5784"/>
                  </a:cubicBezTo>
                  <a:cubicBezTo>
                    <a:pt x="10902" y="4988"/>
                    <a:pt x="11116" y="4251"/>
                    <a:pt x="11433" y="3563"/>
                  </a:cubicBezTo>
                  <a:lnTo>
                    <a:pt x="11433" y="3563"/>
                  </a:lnTo>
                  <a:cubicBezTo>
                    <a:pt x="9867" y="4514"/>
                    <a:pt x="8348" y="5534"/>
                    <a:pt x="6869" y="6622"/>
                  </a:cubicBezTo>
                  <a:cubicBezTo>
                    <a:pt x="6762" y="6700"/>
                    <a:pt x="6052" y="7021"/>
                    <a:pt x="5624" y="7021"/>
                  </a:cubicBezTo>
                  <a:cubicBezTo>
                    <a:pt x="5521" y="7021"/>
                    <a:pt x="5435" y="7004"/>
                    <a:pt x="5378" y="6957"/>
                  </a:cubicBezTo>
                  <a:lnTo>
                    <a:pt x="5378" y="6957"/>
                  </a:lnTo>
                  <a:cubicBezTo>
                    <a:pt x="5321" y="7570"/>
                    <a:pt x="5917" y="7902"/>
                    <a:pt x="6505" y="7902"/>
                  </a:cubicBezTo>
                  <a:cubicBezTo>
                    <a:pt x="6833" y="7902"/>
                    <a:pt x="7161" y="7795"/>
                    <a:pt x="7368" y="7577"/>
                  </a:cubicBezTo>
                  <a:cubicBezTo>
                    <a:pt x="8527" y="6365"/>
                    <a:pt x="9768" y="5274"/>
                    <a:pt x="11101" y="4300"/>
                  </a:cubicBezTo>
                  <a:lnTo>
                    <a:pt x="11101" y="4300"/>
                  </a:lnTo>
                  <a:cubicBezTo>
                    <a:pt x="10795" y="4886"/>
                    <a:pt x="10513" y="5481"/>
                    <a:pt x="10249" y="6098"/>
                  </a:cubicBezTo>
                  <a:cubicBezTo>
                    <a:pt x="9946" y="6804"/>
                    <a:pt x="10616" y="7085"/>
                    <a:pt x="11276" y="7085"/>
                  </a:cubicBezTo>
                  <a:cubicBezTo>
                    <a:pt x="11654" y="7085"/>
                    <a:pt x="12028" y="6996"/>
                    <a:pt x="12221" y="6840"/>
                  </a:cubicBezTo>
                  <a:cubicBezTo>
                    <a:pt x="14050" y="5374"/>
                    <a:pt x="16029" y="4126"/>
                    <a:pt x="18126" y="3113"/>
                  </a:cubicBezTo>
                  <a:cubicBezTo>
                    <a:pt x="18097" y="2971"/>
                    <a:pt x="18055" y="2867"/>
                    <a:pt x="17987" y="2828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0" name="Google Shape;2301;p54"/>
            <p:cNvSpPr/>
            <p:nvPr/>
          </p:nvSpPr>
          <p:spPr>
            <a:xfrm>
              <a:off x="1980627" y="3951650"/>
              <a:ext cx="18078" cy="8744"/>
            </a:xfrm>
            <a:custGeom>
              <a:avLst/>
              <a:gdLst/>
              <a:ahLst/>
              <a:cxnLst/>
              <a:rect l="l" t="t" r="r" b="b"/>
              <a:pathLst>
                <a:path w="643" h="311" extrusionOk="0">
                  <a:moveTo>
                    <a:pt x="643" y="1"/>
                  </a:moveTo>
                  <a:lnTo>
                    <a:pt x="643" y="1"/>
                  </a:lnTo>
                  <a:cubicBezTo>
                    <a:pt x="429" y="103"/>
                    <a:pt x="215" y="207"/>
                    <a:pt x="1" y="311"/>
                  </a:cubicBezTo>
                  <a:cubicBezTo>
                    <a:pt x="204" y="236"/>
                    <a:pt x="404" y="157"/>
                    <a:pt x="607" y="79"/>
                  </a:cubicBezTo>
                  <a:cubicBezTo>
                    <a:pt x="618" y="54"/>
                    <a:pt x="632" y="26"/>
                    <a:pt x="643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1" name="Google Shape;2302;p54"/>
            <p:cNvSpPr/>
            <p:nvPr/>
          </p:nvSpPr>
          <p:spPr>
            <a:xfrm>
              <a:off x="1885292" y="3907623"/>
              <a:ext cx="151905" cy="70119"/>
            </a:xfrm>
            <a:custGeom>
              <a:avLst/>
              <a:gdLst/>
              <a:ahLst/>
              <a:cxnLst/>
              <a:rect l="l" t="t" r="r" b="b"/>
              <a:pathLst>
                <a:path w="5403" h="2494" extrusionOk="0">
                  <a:moveTo>
                    <a:pt x="5021" y="1"/>
                  </a:moveTo>
                  <a:cubicBezTo>
                    <a:pt x="4732" y="1"/>
                    <a:pt x="4444" y="55"/>
                    <a:pt x="4223" y="150"/>
                  </a:cubicBezTo>
                  <a:cubicBezTo>
                    <a:pt x="2985" y="693"/>
                    <a:pt x="1730" y="1177"/>
                    <a:pt x="453" y="1605"/>
                  </a:cubicBezTo>
                  <a:cubicBezTo>
                    <a:pt x="0" y="1759"/>
                    <a:pt x="89" y="2130"/>
                    <a:pt x="443" y="2322"/>
                  </a:cubicBezTo>
                  <a:cubicBezTo>
                    <a:pt x="667" y="2444"/>
                    <a:pt x="935" y="2494"/>
                    <a:pt x="1206" y="2494"/>
                  </a:cubicBezTo>
                  <a:cubicBezTo>
                    <a:pt x="1501" y="2494"/>
                    <a:pt x="1805" y="2433"/>
                    <a:pt x="2058" y="2347"/>
                  </a:cubicBezTo>
                  <a:cubicBezTo>
                    <a:pt x="2504" y="2197"/>
                    <a:pt x="2949" y="2041"/>
                    <a:pt x="3392" y="1877"/>
                  </a:cubicBezTo>
                  <a:cubicBezTo>
                    <a:pt x="3606" y="1773"/>
                    <a:pt x="3820" y="1669"/>
                    <a:pt x="4034" y="1567"/>
                  </a:cubicBezTo>
                  <a:lnTo>
                    <a:pt x="4034" y="1567"/>
                  </a:lnTo>
                  <a:cubicBezTo>
                    <a:pt x="4023" y="1592"/>
                    <a:pt x="4009" y="1620"/>
                    <a:pt x="3998" y="1645"/>
                  </a:cubicBezTo>
                  <a:cubicBezTo>
                    <a:pt x="4012" y="1641"/>
                    <a:pt x="4023" y="1638"/>
                    <a:pt x="4037" y="1631"/>
                  </a:cubicBezTo>
                  <a:cubicBezTo>
                    <a:pt x="4261" y="1260"/>
                    <a:pt x="4518" y="903"/>
                    <a:pt x="4804" y="553"/>
                  </a:cubicBezTo>
                  <a:cubicBezTo>
                    <a:pt x="4939" y="390"/>
                    <a:pt x="5156" y="190"/>
                    <a:pt x="5403" y="33"/>
                  </a:cubicBezTo>
                  <a:cubicBezTo>
                    <a:pt x="5278" y="12"/>
                    <a:pt x="5150" y="1"/>
                    <a:pt x="5021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2" name="Google Shape;2303;p54"/>
            <p:cNvSpPr/>
            <p:nvPr/>
          </p:nvSpPr>
          <p:spPr>
            <a:xfrm>
              <a:off x="1965080" y="3928906"/>
              <a:ext cx="381802" cy="117689"/>
            </a:xfrm>
            <a:custGeom>
              <a:avLst/>
              <a:gdLst/>
              <a:ahLst/>
              <a:cxnLst/>
              <a:rect l="l" t="t" r="r" b="b"/>
              <a:pathLst>
                <a:path w="13580" h="4186" extrusionOk="0">
                  <a:moveTo>
                    <a:pt x="13580" y="0"/>
                  </a:moveTo>
                  <a:lnTo>
                    <a:pt x="13580" y="0"/>
                  </a:lnTo>
                  <a:cubicBezTo>
                    <a:pt x="13333" y="111"/>
                    <a:pt x="13091" y="224"/>
                    <a:pt x="12845" y="342"/>
                  </a:cubicBezTo>
                  <a:cubicBezTo>
                    <a:pt x="12898" y="613"/>
                    <a:pt x="12895" y="1031"/>
                    <a:pt x="12869" y="1434"/>
                  </a:cubicBezTo>
                  <a:cubicBezTo>
                    <a:pt x="13109" y="955"/>
                    <a:pt x="13344" y="478"/>
                    <a:pt x="13580" y="0"/>
                  </a:cubicBezTo>
                  <a:close/>
                  <a:moveTo>
                    <a:pt x="1078" y="1080"/>
                  </a:moveTo>
                  <a:lnTo>
                    <a:pt x="1078" y="1080"/>
                  </a:lnTo>
                  <a:cubicBezTo>
                    <a:pt x="579" y="1954"/>
                    <a:pt x="236" y="2892"/>
                    <a:pt x="29" y="3922"/>
                  </a:cubicBezTo>
                  <a:cubicBezTo>
                    <a:pt x="1" y="4051"/>
                    <a:pt x="29" y="4136"/>
                    <a:pt x="97" y="4186"/>
                  </a:cubicBezTo>
                  <a:cubicBezTo>
                    <a:pt x="101" y="4147"/>
                    <a:pt x="108" y="4108"/>
                    <a:pt x="115" y="4065"/>
                  </a:cubicBezTo>
                  <a:cubicBezTo>
                    <a:pt x="347" y="3030"/>
                    <a:pt x="668" y="2036"/>
                    <a:pt x="1078" y="108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3" name="Google Shape;2304;p54"/>
            <p:cNvSpPr/>
            <p:nvPr/>
          </p:nvSpPr>
          <p:spPr>
            <a:xfrm>
              <a:off x="1967779" y="3881674"/>
              <a:ext cx="529574" cy="166722"/>
            </a:xfrm>
            <a:custGeom>
              <a:avLst/>
              <a:gdLst/>
              <a:ahLst/>
              <a:cxnLst/>
              <a:rect l="l" t="t" r="r" b="b"/>
              <a:pathLst>
                <a:path w="18836" h="5930" extrusionOk="0">
                  <a:moveTo>
                    <a:pt x="8655" y="0"/>
                  </a:moveTo>
                  <a:cubicBezTo>
                    <a:pt x="8352" y="0"/>
                    <a:pt x="8002" y="79"/>
                    <a:pt x="7846" y="165"/>
                  </a:cubicBezTo>
                  <a:cubicBezTo>
                    <a:pt x="5974" y="1192"/>
                    <a:pt x="4159" y="2307"/>
                    <a:pt x="2397" y="3509"/>
                  </a:cubicBezTo>
                  <a:cubicBezTo>
                    <a:pt x="2697" y="2750"/>
                    <a:pt x="3114" y="2062"/>
                    <a:pt x="3664" y="1399"/>
                  </a:cubicBezTo>
                  <a:cubicBezTo>
                    <a:pt x="3998" y="988"/>
                    <a:pt x="3677" y="774"/>
                    <a:pt x="3292" y="714"/>
                  </a:cubicBezTo>
                  <a:cubicBezTo>
                    <a:pt x="3257" y="706"/>
                    <a:pt x="3221" y="703"/>
                    <a:pt x="3185" y="703"/>
                  </a:cubicBezTo>
                  <a:cubicBezTo>
                    <a:pt x="2953" y="703"/>
                    <a:pt x="2697" y="810"/>
                    <a:pt x="2469" y="956"/>
                  </a:cubicBezTo>
                  <a:cubicBezTo>
                    <a:pt x="2629" y="984"/>
                    <a:pt x="2779" y="1031"/>
                    <a:pt x="2904" y="1103"/>
                  </a:cubicBezTo>
                  <a:cubicBezTo>
                    <a:pt x="3285" y="1305"/>
                    <a:pt x="3317" y="1630"/>
                    <a:pt x="2893" y="1815"/>
                  </a:cubicBezTo>
                  <a:cubicBezTo>
                    <a:pt x="2301" y="2076"/>
                    <a:pt x="1706" y="2322"/>
                    <a:pt x="1103" y="2554"/>
                  </a:cubicBezTo>
                  <a:cubicBezTo>
                    <a:pt x="1060" y="2622"/>
                    <a:pt x="1021" y="2693"/>
                    <a:pt x="982" y="2760"/>
                  </a:cubicBezTo>
                  <a:cubicBezTo>
                    <a:pt x="572" y="3716"/>
                    <a:pt x="251" y="4710"/>
                    <a:pt x="19" y="5745"/>
                  </a:cubicBezTo>
                  <a:cubicBezTo>
                    <a:pt x="12" y="5788"/>
                    <a:pt x="5" y="5827"/>
                    <a:pt x="1" y="5866"/>
                  </a:cubicBezTo>
                  <a:cubicBezTo>
                    <a:pt x="58" y="5913"/>
                    <a:pt x="144" y="5930"/>
                    <a:pt x="247" y="5930"/>
                  </a:cubicBezTo>
                  <a:cubicBezTo>
                    <a:pt x="675" y="5930"/>
                    <a:pt x="1385" y="5609"/>
                    <a:pt x="1492" y="5531"/>
                  </a:cubicBezTo>
                  <a:cubicBezTo>
                    <a:pt x="2971" y="4443"/>
                    <a:pt x="4490" y="3423"/>
                    <a:pt x="6056" y="2472"/>
                  </a:cubicBezTo>
                  <a:lnTo>
                    <a:pt x="6056" y="2472"/>
                  </a:lnTo>
                  <a:cubicBezTo>
                    <a:pt x="5739" y="3160"/>
                    <a:pt x="5525" y="3897"/>
                    <a:pt x="5414" y="4693"/>
                  </a:cubicBezTo>
                  <a:cubicBezTo>
                    <a:pt x="5379" y="4942"/>
                    <a:pt x="5546" y="5021"/>
                    <a:pt x="5774" y="5021"/>
                  </a:cubicBezTo>
                  <a:cubicBezTo>
                    <a:pt x="6127" y="5021"/>
                    <a:pt x="6616" y="4835"/>
                    <a:pt x="6712" y="4786"/>
                  </a:cubicBezTo>
                  <a:cubicBezTo>
                    <a:pt x="8185" y="4040"/>
                    <a:pt x="9654" y="3298"/>
                    <a:pt x="11126" y="2554"/>
                  </a:cubicBezTo>
                  <a:cubicBezTo>
                    <a:pt x="11294" y="2468"/>
                    <a:pt x="12538" y="1737"/>
                    <a:pt x="12610" y="1737"/>
                  </a:cubicBezTo>
                  <a:cubicBezTo>
                    <a:pt x="12678" y="1776"/>
                    <a:pt x="12720" y="1880"/>
                    <a:pt x="12749" y="2022"/>
                  </a:cubicBezTo>
                  <a:cubicBezTo>
                    <a:pt x="12995" y="1904"/>
                    <a:pt x="13237" y="1791"/>
                    <a:pt x="13484" y="1680"/>
                  </a:cubicBezTo>
                  <a:lnTo>
                    <a:pt x="13484" y="1680"/>
                  </a:lnTo>
                  <a:cubicBezTo>
                    <a:pt x="13248" y="2158"/>
                    <a:pt x="13013" y="2635"/>
                    <a:pt x="12773" y="3114"/>
                  </a:cubicBezTo>
                  <a:cubicBezTo>
                    <a:pt x="12745" y="3606"/>
                    <a:pt x="12688" y="4076"/>
                    <a:pt x="12674" y="4240"/>
                  </a:cubicBezTo>
                  <a:cubicBezTo>
                    <a:pt x="12649" y="4490"/>
                    <a:pt x="12831" y="4572"/>
                    <a:pt x="13066" y="4572"/>
                  </a:cubicBezTo>
                  <a:cubicBezTo>
                    <a:pt x="13408" y="4572"/>
                    <a:pt x="13865" y="4401"/>
                    <a:pt x="13976" y="4330"/>
                  </a:cubicBezTo>
                  <a:cubicBezTo>
                    <a:pt x="15498" y="3377"/>
                    <a:pt x="17070" y="2536"/>
                    <a:pt x="18707" y="1812"/>
                  </a:cubicBezTo>
                  <a:cubicBezTo>
                    <a:pt x="18772" y="1391"/>
                    <a:pt x="18811" y="974"/>
                    <a:pt x="18836" y="543"/>
                  </a:cubicBezTo>
                  <a:lnTo>
                    <a:pt x="18836" y="543"/>
                  </a:lnTo>
                  <a:cubicBezTo>
                    <a:pt x="17463" y="1138"/>
                    <a:pt x="16125" y="1801"/>
                    <a:pt x="14827" y="2539"/>
                  </a:cubicBezTo>
                  <a:cubicBezTo>
                    <a:pt x="14885" y="1423"/>
                    <a:pt x="14767" y="268"/>
                    <a:pt x="13722" y="268"/>
                  </a:cubicBezTo>
                  <a:cubicBezTo>
                    <a:pt x="13519" y="268"/>
                    <a:pt x="13283" y="311"/>
                    <a:pt x="13009" y="403"/>
                  </a:cubicBezTo>
                  <a:cubicBezTo>
                    <a:pt x="11198" y="1020"/>
                    <a:pt x="9414" y="2065"/>
                    <a:pt x="7678" y="3025"/>
                  </a:cubicBezTo>
                  <a:cubicBezTo>
                    <a:pt x="7928" y="2129"/>
                    <a:pt x="8363" y="1356"/>
                    <a:pt x="9001" y="610"/>
                  </a:cubicBezTo>
                  <a:cubicBezTo>
                    <a:pt x="9401" y="147"/>
                    <a:pt x="9072" y="0"/>
                    <a:pt x="8655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4" name="Google Shape;2305;p54"/>
            <p:cNvSpPr/>
            <p:nvPr/>
          </p:nvSpPr>
          <p:spPr>
            <a:xfrm>
              <a:off x="1998789" y="3908551"/>
              <a:ext cx="62247" cy="44928"/>
            </a:xfrm>
            <a:custGeom>
              <a:avLst/>
              <a:gdLst/>
              <a:ahLst/>
              <a:cxnLst/>
              <a:rect l="l" t="t" r="r" b="b"/>
              <a:pathLst>
                <a:path w="2214" h="1598" extrusionOk="0">
                  <a:moveTo>
                    <a:pt x="1366" y="0"/>
                  </a:moveTo>
                  <a:cubicBezTo>
                    <a:pt x="1119" y="157"/>
                    <a:pt x="902" y="357"/>
                    <a:pt x="767" y="520"/>
                  </a:cubicBezTo>
                  <a:cubicBezTo>
                    <a:pt x="481" y="870"/>
                    <a:pt x="224" y="1227"/>
                    <a:pt x="0" y="1598"/>
                  </a:cubicBezTo>
                  <a:cubicBezTo>
                    <a:pt x="603" y="1366"/>
                    <a:pt x="1198" y="1120"/>
                    <a:pt x="1790" y="859"/>
                  </a:cubicBezTo>
                  <a:cubicBezTo>
                    <a:pt x="2214" y="674"/>
                    <a:pt x="2182" y="349"/>
                    <a:pt x="1801" y="147"/>
                  </a:cubicBezTo>
                  <a:cubicBezTo>
                    <a:pt x="1676" y="75"/>
                    <a:pt x="1526" y="28"/>
                    <a:pt x="136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5" name="Google Shape;2306;p54"/>
            <p:cNvSpPr/>
            <p:nvPr/>
          </p:nvSpPr>
          <p:spPr>
            <a:xfrm>
              <a:off x="2486262" y="3887494"/>
              <a:ext cx="316153" cy="104785"/>
            </a:xfrm>
            <a:custGeom>
              <a:avLst/>
              <a:gdLst/>
              <a:ahLst/>
              <a:cxnLst/>
              <a:rect l="l" t="t" r="r" b="b"/>
              <a:pathLst>
                <a:path w="11245" h="3727" extrusionOk="0">
                  <a:moveTo>
                    <a:pt x="9404" y="0"/>
                  </a:moveTo>
                  <a:cubicBezTo>
                    <a:pt x="9536" y="172"/>
                    <a:pt x="9586" y="382"/>
                    <a:pt x="9483" y="624"/>
                  </a:cubicBezTo>
                  <a:cubicBezTo>
                    <a:pt x="9436" y="738"/>
                    <a:pt x="9386" y="853"/>
                    <a:pt x="9340" y="963"/>
                  </a:cubicBezTo>
                  <a:cubicBezTo>
                    <a:pt x="9604" y="878"/>
                    <a:pt x="9875" y="802"/>
                    <a:pt x="10150" y="738"/>
                  </a:cubicBezTo>
                  <a:cubicBezTo>
                    <a:pt x="10150" y="417"/>
                    <a:pt x="9793" y="143"/>
                    <a:pt x="9404" y="0"/>
                  </a:cubicBezTo>
                  <a:close/>
                  <a:moveTo>
                    <a:pt x="5364" y="688"/>
                  </a:moveTo>
                  <a:lnTo>
                    <a:pt x="5364" y="688"/>
                  </a:lnTo>
                  <a:cubicBezTo>
                    <a:pt x="4633" y="892"/>
                    <a:pt x="3906" y="1113"/>
                    <a:pt x="3185" y="1355"/>
                  </a:cubicBezTo>
                  <a:cubicBezTo>
                    <a:pt x="3111" y="1480"/>
                    <a:pt x="3043" y="1608"/>
                    <a:pt x="2971" y="1733"/>
                  </a:cubicBezTo>
                  <a:cubicBezTo>
                    <a:pt x="3766" y="1376"/>
                    <a:pt x="4562" y="1031"/>
                    <a:pt x="5364" y="688"/>
                  </a:cubicBezTo>
                  <a:close/>
                  <a:moveTo>
                    <a:pt x="511" y="1786"/>
                  </a:moveTo>
                  <a:cubicBezTo>
                    <a:pt x="412" y="1837"/>
                    <a:pt x="312" y="1883"/>
                    <a:pt x="211" y="1933"/>
                  </a:cubicBezTo>
                  <a:cubicBezTo>
                    <a:pt x="162" y="2219"/>
                    <a:pt x="98" y="2500"/>
                    <a:pt x="22" y="2785"/>
                  </a:cubicBezTo>
                  <a:cubicBezTo>
                    <a:pt x="12" y="2828"/>
                    <a:pt x="5" y="2871"/>
                    <a:pt x="1" y="2910"/>
                  </a:cubicBezTo>
                  <a:cubicBezTo>
                    <a:pt x="162" y="2528"/>
                    <a:pt x="333" y="2158"/>
                    <a:pt x="511" y="1786"/>
                  </a:cubicBezTo>
                  <a:close/>
                  <a:moveTo>
                    <a:pt x="11233" y="2397"/>
                  </a:moveTo>
                  <a:lnTo>
                    <a:pt x="11233" y="2397"/>
                  </a:lnTo>
                  <a:cubicBezTo>
                    <a:pt x="10103" y="2543"/>
                    <a:pt x="9034" y="2984"/>
                    <a:pt x="8085" y="3720"/>
                  </a:cubicBezTo>
                  <a:cubicBezTo>
                    <a:pt x="8082" y="3722"/>
                    <a:pt x="8080" y="3724"/>
                    <a:pt x="8078" y="3725"/>
                  </a:cubicBezTo>
                  <a:lnTo>
                    <a:pt x="8078" y="3725"/>
                  </a:lnTo>
                  <a:cubicBezTo>
                    <a:pt x="8929" y="3476"/>
                    <a:pt x="9779" y="3227"/>
                    <a:pt x="10634" y="2978"/>
                  </a:cubicBezTo>
                  <a:cubicBezTo>
                    <a:pt x="11076" y="2846"/>
                    <a:pt x="11244" y="2628"/>
                    <a:pt x="11233" y="2397"/>
                  </a:cubicBezTo>
                  <a:close/>
                  <a:moveTo>
                    <a:pt x="8078" y="3725"/>
                  </a:moveTo>
                  <a:cubicBezTo>
                    <a:pt x="8077" y="3726"/>
                    <a:pt x="8076" y="3726"/>
                    <a:pt x="8074" y="3726"/>
                  </a:cubicBezTo>
                  <a:cubicBezTo>
                    <a:pt x="8076" y="3726"/>
                    <a:pt x="8077" y="3726"/>
                    <a:pt x="8078" y="3725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6" name="Google Shape;2307;p54"/>
            <p:cNvSpPr/>
            <p:nvPr/>
          </p:nvSpPr>
          <p:spPr>
            <a:xfrm>
              <a:off x="2484266" y="3875376"/>
              <a:ext cx="317840" cy="121119"/>
            </a:xfrm>
            <a:custGeom>
              <a:avLst/>
              <a:gdLst/>
              <a:ahLst/>
              <a:cxnLst/>
              <a:rect l="l" t="t" r="r" b="b"/>
              <a:pathLst>
                <a:path w="11305" h="4308" extrusionOk="0">
                  <a:moveTo>
                    <a:pt x="1556" y="0"/>
                  </a:moveTo>
                  <a:cubicBezTo>
                    <a:pt x="1018" y="0"/>
                    <a:pt x="496" y="242"/>
                    <a:pt x="468" y="752"/>
                  </a:cubicBezTo>
                  <a:cubicBezTo>
                    <a:pt x="468" y="756"/>
                    <a:pt x="468" y="763"/>
                    <a:pt x="465" y="767"/>
                  </a:cubicBezTo>
                  <a:cubicBezTo>
                    <a:pt x="707" y="660"/>
                    <a:pt x="953" y="560"/>
                    <a:pt x="1196" y="456"/>
                  </a:cubicBezTo>
                  <a:cubicBezTo>
                    <a:pt x="1438" y="356"/>
                    <a:pt x="1623" y="313"/>
                    <a:pt x="1762" y="313"/>
                  </a:cubicBezTo>
                  <a:cubicBezTo>
                    <a:pt x="2447" y="313"/>
                    <a:pt x="1969" y="1348"/>
                    <a:pt x="1163" y="1679"/>
                  </a:cubicBezTo>
                  <a:cubicBezTo>
                    <a:pt x="885" y="1794"/>
                    <a:pt x="611" y="1914"/>
                    <a:pt x="336" y="2036"/>
                  </a:cubicBezTo>
                  <a:cubicBezTo>
                    <a:pt x="318" y="2143"/>
                    <a:pt x="300" y="2253"/>
                    <a:pt x="282" y="2364"/>
                  </a:cubicBezTo>
                  <a:cubicBezTo>
                    <a:pt x="383" y="2314"/>
                    <a:pt x="483" y="2268"/>
                    <a:pt x="582" y="2217"/>
                  </a:cubicBezTo>
                  <a:lnTo>
                    <a:pt x="582" y="2217"/>
                  </a:lnTo>
                  <a:cubicBezTo>
                    <a:pt x="404" y="2589"/>
                    <a:pt x="233" y="2959"/>
                    <a:pt x="72" y="3341"/>
                  </a:cubicBezTo>
                  <a:cubicBezTo>
                    <a:pt x="1" y="3950"/>
                    <a:pt x="646" y="4307"/>
                    <a:pt x="1245" y="4307"/>
                  </a:cubicBezTo>
                  <a:cubicBezTo>
                    <a:pt x="1413" y="4307"/>
                    <a:pt x="1577" y="4279"/>
                    <a:pt x="1719" y="4218"/>
                  </a:cubicBezTo>
                  <a:cubicBezTo>
                    <a:pt x="3363" y="3540"/>
                    <a:pt x="5032" y="2970"/>
                    <a:pt x="6737" y="2517"/>
                  </a:cubicBezTo>
                  <a:lnTo>
                    <a:pt x="6737" y="2517"/>
                  </a:lnTo>
                  <a:cubicBezTo>
                    <a:pt x="6630" y="2727"/>
                    <a:pt x="6533" y="2949"/>
                    <a:pt x="6444" y="3177"/>
                  </a:cubicBezTo>
                  <a:cubicBezTo>
                    <a:pt x="6156" y="3919"/>
                    <a:pt x="6997" y="4233"/>
                    <a:pt x="7653" y="4233"/>
                  </a:cubicBezTo>
                  <a:cubicBezTo>
                    <a:pt x="7810" y="4233"/>
                    <a:pt x="7953" y="4215"/>
                    <a:pt x="8070" y="4182"/>
                  </a:cubicBezTo>
                  <a:cubicBezTo>
                    <a:pt x="8095" y="4175"/>
                    <a:pt x="8121" y="4169"/>
                    <a:pt x="8145" y="4157"/>
                  </a:cubicBezTo>
                  <a:cubicBezTo>
                    <a:pt x="8149" y="4157"/>
                    <a:pt x="8152" y="4154"/>
                    <a:pt x="8156" y="4151"/>
                  </a:cubicBezTo>
                  <a:cubicBezTo>
                    <a:pt x="9105" y="3415"/>
                    <a:pt x="10174" y="2974"/>
                    <a:pt x="11304" y="2828"/>
                  </a:cubicBezTo>
                  <a:cubicBezTo>
                    <a:pt x="11283" y="2389"/>
                    <a:pt x="10616" y="1908"/>
                    <a:pt x="9964" y="1908"/>
                  </a:cubicBezTo>
                  <a:cubicBezTo>
                    <a:pt x="9871" y="1908"/>
                    <a:pt x="9782" y="1914"/>
                    <a:pt x="9693" y="1936"/>
                  </a:cubicBezTo>
                  <a:cubicBezTo>
                    <a:pt x="9793" y="1822"/>
                    <a:pt x="9900" y="1708"/>
                    <a:pt x="10010" y="1597"/>
                  </a:cubicBezTo>
                  <a:cubicBezTo>
                    <a:pt x="10160" y="1451"/>
                    <a:pt x="10221" y="1305"/>
                    <a:pt x="10221" y="1169"/>
                  </a:cubicBezTo>
                  <a:lnTo>
                    <a:pt x="10221" y="1169"/>
                  </a:lnTo>
                  <a:cubicBezTo>
                    <a:pt x="9946" y="1233"/>
                    <a:pt x="9675" y="1309"/>
                    <a:pt x="9411" y="1394"/>
                  </a:cubicBezTo>
                  <a:cubicBezTo>
                    <a:pt x="9457" y="1284"/>
                    <a:pt x="9507" y="1169"/>
                    <a:pt x="9554" y="1055"/>
                  </a:cubicBezTo>
                  <a:cubicBezTo>
                    <a:pt x="9657" y="813"/>
                    <a:pt x="9607" y="603"/>
                    <a:pt x="9475" y="431"/>
                  </a:cubicBezTo>
                  <a:cubicBezTo>
                    <a:pt x="9293" y="367"/>
                    <a:pt x="9105" y="328"/>
                    <a:pt x="8940" y="328"/>
                  </a:cubicBezTo>
                  <a:cubicBezTo>
                    <a:pt x="8887" y="328"/>
                    <a:pt x="8833" y="331"/>
                    <a:pt x="8787" y="342"/>
                  </a:cubicBezTo>
                  <a:cubicBezTo>
                    <a:pt x="7657" y="556"/>
                    <a:pt x="6541" y="816"/>
                    <a:pt x="5435" y="1119"/>
                  </a:cubicBezTo>
                  <a:cubicBezTo>
                    <a:pt x="4633" y="1462"/>
                    <a:pt x="3837" y="1807"/>
                    <a:pt x="3042" y="2164"/>
                  </a:cubicBezTo>
                  <a:cubicBezTo>
                    <a:pt x="3114" y="2039"/>
                    <a:pt x="3182" y="1911"/>
                    <a:pt x="3256" y="1786"/>
                  </a:cubicBezTo>
                  <a:lnTo>
                    <a:pt x="3256" y="1786"/>
                  </a:lnTo>
                  <a:cubicBezTo>
                    <a:pt x="3050" y="1854"/>
                    <a:pt x="2843" y="1926"/>
                    <a:pt x="2636" y="2000"/>
                  </a:cubicBezTo>
                  <a:cubicBezTo>
                    <a:pt x="2690" y="1629"/>
                    <a:pt x="2729" y="1259"/>
                    <a:pt x="2751" y="877"/>
                  </a:cubicBezTo>
                  <a:cubicBezTo>
                    <a:pt x="2782" y="306"/>
                    <a:pt x="2158" y="0"/>
                    <a:pt x="155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7" name="Google Shape;2308;p54"/>
            <p:cNvSpPr/>
            <p:nvPr/>
          </p:nvSpPr>
          <p:spPr>
            <a:xfrm>
              <a:off x="2493712" y="3884176"/>
              <a:ext cx="59351" cy="48442"/>
            </a:xfrm>
            <a:custGeom>
              <a:avLst/>
              <a:gdLst/>
              <a:ahLst/>
              <a:cxnLst/>
              <a:rect l="l" t="t" r="r" b="b"/>
              <a:pathLst>
                <a:path w="2111" h="1723" extrusionOk="0">
                  <a:moveTo>
                    <a:pt x="1426" y="0"/>
                  </a:moveTo>
                  <a:cubicBezTo>
                    <a:pt x="1287" y="0"/>
                    <a:pt x="1102" y="43"/>
                    <a:pt x="860" y="143"/>
                  </a:cubicBezTo>
                  <a:cubicBezTo>
                    <a:pt x="617" y="247"/>
                    <a:pt x="371" y="347"/>
                    <a:pt x="129" y="454"/>
                  </a:cubicBezTo>
                  <a:cubicBezTo>
                    <a:pt x="104" y="885"/>
                    <a:pt x="65" y="1302"/>
                    <a:pt x="0" y="1723"/>
                  </a:cubicBezTo>
                  <a:cubicBezTo>
                    <a:pt x="275" y="1601"/>
                    <a:pt x="549" y="1481"/>
                    <a:pt x="827" y="1366"/>
                  </a:cubicBezTo>
                  <a:cubicBezTo>
                    <a:pt x="1633" y="1035"/>
                    <a:pt x="2111" y="0"/>
                    <a:pt x="142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</p:grpSp>
      <p:sp>
        <p:nvSpPr>
          <p:cNvPr id="18" name="Google Shape;1050;p35"/>
          <p:cNvSpPr txBox="1">
            <a:spLocks/>
          </p:cNvSpPr>
          <p:nvPr/>
        </p:nvSpPr>
        <p:spPr>
          <a:xfrm>
            <a:off x="762000" y="3027022"/>
            <a:ext cx="4195067" cy="1056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2984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1pPr>
            <a:lvl2pPr marL="914400" marR="0" lvl="1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2pPr>
            <a:lvl3pPr marL="1371600" marR="0" lvl="2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3pPr>
            <a:lvl4pPr marL="1828800" marR="0" lvl="3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4pPr>
            <a:lvl5pPr marL="2286000" marR="0" lvl="4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5pPr>
            <a:lvl6pPr marL="2743200" marR="0" lvl="5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6pPr>
            <a:lvl7pPr marL="3200400" marR="0" lvl="6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7pPr>
            <a:lvl8pPr marL="3657600" marR="0" lvl="7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8pPr>
            <a:lvl9pPr marL="4114800" marR="0" lvl="8" indent="-298450" algn="l" rtl="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Comfortaa"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/>
                <a:sym typeface="Comfortaa"/>
              </a:rPr>
              <a:t>Etkinlik yapıyoruz</a:t>
            </a:r>
          </a:p>
        </p:txBody>
      </p:sp>
      <p:sp>
        <p:nvSpPr>
          <p:cNvPr id="19" name="Google Shape;1051;p35"/>
          <p:cNvSpPr/>
          <p:nvPr/>
        </p:nvSpPr>
        <p:spPr>
          <a:xfrm>
            <a:off x="804681" y="4216977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20" name="Google Shape;1052;p35"/>
          <p:cNvSpPr/>
          <p:nvPr/>
        </p:nvSpPr>
        <p:spPr>
          <a:xfrm>
            <a:off x="721554" y="2564572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grpSp>
        <p:nvGrpSpPr>
          <p:cNvPr id="22" name="Grup 21"/>
          <p:cNvGrpSpPr/>
          <p:nvPr/>
        </p:nvGrpSpPr>
        <p:grpSpPr>
          <a:xfrm>
            <a:off x="5410200" y="1466850"/>
            <a:ext cx="5943600" cy="3448050"/>
            <a:chOff x="5410200" y="1466850"/>
            <a:chExt cx="5943600" cy="3448050"/>
          </a:xfrm>
        </p:grpSpPr>
        <p:pic>
          <p:nvPicPr>
            <p:cNvPr id="7" name="Google Shape;2287;p54"/>
            <p:cNvPicPr preferRelativeResize="0"/>
            <p:nvPr/>
          </p:nvPicPr>
          <p:blipFill rotWithShape="1">
            <a:blip r:embed="rId4">
              <a:alphaModFix/>
            </a:blip>
            <a:srcRect l="4395" r="4404"/>
            <a:stretch/>
          </p:blipFill>
          <p:spPr>
            <a:xfrm>
              <a:off x="5410200" y="1466850"/>
              <a:ext cx="5943600" cy="344805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</p:pic>
        <p:sp>
          <p:nvSpPr>
            <p:cNvPr id="21" name="Yuvarlatılmış Dikdörtgen 20">
              <a:hlinkClick r:id="rId5"/>
            </p:cNvPr>
            <p:cNvSpPr/>
            <p:nvPr/>
          </p:nvSpPr>
          <p:spPr>
            <a:xfrm>
              <a:off x="6385809" y="2383436"/>
              <a:ext cx="3972393" cy="1617064"/>
            </a:xfrm>
            <a:prstGeom prst="roundRect">
              <a:avLst>
                <a:gd name="adj" fmla="val 44477"/>
              </a:avLst>
            </a:prstGeom>
            <a:solidFill>
              <a:srgbClr val="F3F3F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+mn-ea"/>
                  <a:cs typeface="+mn-cs"/>
                </a:rPr>
                <a:t>Etkinlik için tıklayınız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160700571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ikdörtgen 2"/>
          <p:cNvSpPr/>
          <p:nvPr/>
        </p:nvSpPr>
        <p:spPr>
          <a:xfrm>
            <a:off x="6096000" y="133806"/>
            <a:ext cx="5640867" cy="6394585"/>
          </a:xfrm>
          <a:prstGeom prst="rect">
            <a:avLst/>
          </a:prstGeom>
          <a:ln w="38100">
            <a:solidFill>
              <a:srgbClr val="72D4E3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15" name="Dikdörtgen 14"/>
          <p:cNvSpPr/>
          <p:nvPr/>
        </p:nvSpPr>
        <p:spPr>
          <a:xfrm>
            <a:off x="350471" y="216413"/>
            <a:ext cx="5636843" cy="974434"/>
          </a:xfrm>
          <a:prstGeom prst="rect">
            <a:avLst/>
          </a:prstGeom>
          <a:solidFill>
            <a:schemeClr val="accent2">
              <a:lumMod val="60000"/>
              <a:lumOff val="40000"/>
            </a:schemeClr>
          </a:solidFill>
          <a:ln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just"/>
            <a:r>
              <a:rPr lang="tr-TR" sz="3200" dirty="0"/>
              <a:t>Karışık şekilde verilen Sübhaneke duasını sıralayınız.</a:t>
            </a:r>
            <a:endParaRPr lang="tr-TR" sz="6600" dirty="0">
              <a:solidFill>
                <a:schemeClr val="tx1"/>
              </a:solidFill>
            </a:endParaRPr>
          </a:p>
        </p:txBody>
      </p:sp>
      <p:sp>
        <p:nvSpPr>
          <p:cNvPr id="16" name="y 2"/>
          <p:cNvSpPr/>
          <p:nvPr/>
        </p:nvSpPr>
        <p:spPr>
          <a:xfrm>
            <a:off x="661649" y="5896415"/>
            <a:ext cx="4958048" cy="561209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Ve </a:t>
            </a:r>
            <a:r>
              <a:rPr lang="tr-TR" sz="3600" dirty="0" err="1">
                <a:solidFill>
                  <a:schemeClr val="tx1"/>
                </a:solidFill>
              </a:rPr>
              <a:t>celle</a:t>
            </a:r>
            <a:r>
              <a:rPr lang="tr-TR" sz="3600" dirty="0">
                <a:solidFill>
                  <a:schemeClr val="tx1"/>
                </a:solidFill>
              </a:rPr>
              <a:t> </a:t>
            </a:r>
            <a:r>
              <a:rPr lang="tr-TR" sz="3600" dirty="0" err="1">
                <a:solidFill>
                  <a:schemeClr val="tx1"/>
                </a:solidFill>
              </a:rPr>
              <a:t>senâük</a:t>
            </a:r>
            <a:endParaRPr lang="tr-TR" sz="3600" dirty="0">
              <a:solidFill>
                <a:schemeClr val="tx1"/>
              </a:solidFill>
            </a:endParaRPr>
          </a:p>
        </p:txBody>
      </p:sp>
      <p:sp>
        <p:nvSpPr>
          <p:cNvPr id="17" name="y 1"/>
          <p:cNvSpPr/>
          <p:nvPr/>
        </p:nvSpPr>
        <p:spPr>
          <a:xfrm>
            <a:off x="661649" y="2189183"/>
            <a:ext cx="4958048" cy="61813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Ve </a:t>
            </a:r>
            <a:r>
              <a:rPr lang="tr-TR" sz="3600" dirty="0" err="1">
                <a:solidFill>
                  <a:schemeClr val="tx1"/>
                </a:solidFill>
              </a:rPr>
              <a:t>teâlâ</a:t>
            </a:r>
            <a:r>
              <a:rPr lang="tr-TR" sz="3600" dirty="0">
                <a:solidFill>
                  <a:schemeClr val="tx1"/>
                </a:solidFill>
              </a:rPr>
              <a:t> </a:t>
            </a:r>
            <a:r>
              <a:rPr lang="tr-TR" sz="3600" dirty="0" err="1">
                <a:solidFill>
                  <a:schemeClr val="tx1"/>
                </a:solidFill>
              </a:rPr>
              <a:t>ceddük</a:t>
            </a:r>
            <a:endParaRPr lang="tr-TR" sz="3600" dirty="0">
              <a:solidFill>
                <a:schemeClr val="tx1"/>
              </a:solidFill>
            </a:endParaRPr>
          </a:p>
        </p:txBody>
      </p:sp>
      <p:sp>
        <p:nvSpPr>
          <p:cNvPr id="18" name="D"/>
          <p:cNvSpPr/>
          <p:nvPr/>
        </p:nvSpPr>
        <p:spPr>
          <a:xfrm>
            <a:off x="661649" y="3116572"/>
            <a:ext cx="5002925" cy="62425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 err="1">
                <a:solidFill>
                  <a:schemeClr val="tx1"/>
                </a:solidFill>
              </a:rPr>
              <a:t>Sübhâneke</a:t>
            </a:r>
            <a:r>
              <a:rPr lang="tr-TR" sz="3600" dirty="0">
                <a:solidFill>
                  <a:schemeClr val="tx1"/>
                </a:solidFill>
              </a:rPr>
              <a:t> </a:t>
            </a:r>
            <a:r>
              <a:rPr lang="tr-TR" sz="3600" dirty="0" err="1">
                <a:solidFill>
                  <a:schemeClr val="tx1"/>
                </a:solidFill>
              </a:rPr>
              <a:t>Allâhümme</a:t>
            </a:r>
            <a:endParaRPr lang="tr-TR" sz="3600" dirty="0">
              <a:solidFill>
                <a:schemeClr val="tx1"/>
              </a:solidFill>
            </a:endParaRPr>
          </a:p>
        </p:txBody>
      </p:sp>
      <p:sp>
        <p:nvSpPr>
          <p:cNvPr id="19" name="Yuvarlatılmış Dikdörtgen 18"/>
          <p:cNvSpPr/>
          <p:nvPr/>
        </p:nvSpPr>
        <p:spPr>
          <a:xfrm>
            <a:off x="6131072" y="133806"/>
            <a:ext cx="5570721" cy="1344898"/>
          </a:xfrm>
          <a:prstGeom prst="roundRect">
            <a:avLst/>
          </a:prstGeom>
          <a:solidFill>
            <a:schemeClr val="tx2">
              <a:lumMod val="40000"/>
              <a:lumOff val="60000"/>
            </a:schemeClr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000" dirty="0" err="1">
                <a:solidFill>
                  <a:schemeClr val="tx1"/>
                </a:solidFill>
              </a:rPr>
              <a:t>Sübhaneke</a:t>
            </a:r>
            <a:r>
              <a:rPr lang="tr-TR" sz="4000" dirty="0">
                <a:solidFill>
                  <a:schemeClr val="tx1"/>
                </a:solidFill>
              </a:rPr>
              <a:t> Duası</a:t>
            </a:r>
          </a:p>
        </p:txBody>
      </p:sp>
      <p:sp>
        <p:nvSpPr>
          <p:cNvPr id="20" name="Dikdörtgen 19"/>
          <p:cNvSpPr/>
          <p:nvPr/>
        </p:nvSpPr>
        <p:spPr>
          <a:xfrm>
            <a:off x="6225454" y="4924260"/>
            <a:ext cx="4868787" cy="524698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Ve </a:t>
            </a:r>
            <a:r>
              <a:rPr lang="tr-TR" sz="3600" dirty="0" err="1">
                <a:solidFill>
                  <a:schemeClr val="tx1"/>
                </a:solidFill>
              </a:rPr>
              <a:t>celle</a:t>
            </a:r>
            <a:r>
              <a:rPr lang="tr-TR" sz="3600" dirty="0">
                <a:solidFill>
                  <a:schemeClr val="tx1"/>
                </a:solidFill>
              </a:rPr>
              <a:t> </a:t>
            </a:r>
            <a:r>
              <a:rPr lang="tr-TR" sz="3600" dirty="0" err="1">
                <a:solidFill>
                  <a:schemeClr val="tx1"/>
                </a:solidFill>
              </a:rPr>
              <a:t>senâük</a:t>
            </a:r>
            <a:endParaRPr lang="tr-TR" sz="3600" dirty="0">
              <a:solidFill>
                <a:schemeClr val="tx1"/>
              </a:solidFill>
            </a:endParaRPr>
          </a:p>
        </p:txBody>
      </p:sp>
      <p:sp>
        <p:nvSpPr>
          <p:cNvPr id="21" name="Dikdörtgen 20"/>
          <p:cNvSpPr/>
          <p:nvPr/>
        </p:nvSpPr>
        <p:spPr>
          <a:xfrm>
            <a:off x="6225454" y="4097796"/>
            <a:ext cx="4890977" cy="547434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Ve </a:t>
            </a:r>
            <a:r>
              <a:rPr lang="tr-TR" sz="3600" dirty="0" err="1">
                <a:solidFill>
                  <a:schemeClr val="tx1"/>
                </a:solidFill>
              </a:rPr>
              <a:t>teâlâ</a:t>
            </a:r>
            <a:r>
              <a:rPr lang="tr-TR" sz="3600" dirty="0">
                <a:solidFill>
                  <a:schemeClr val="tx1"/>
                </a:solidFill>
              </a:rPr>
              <a:t> </a:t>
            </a:r>
            <a:r>
              <a:rPr lang="tr-TR" sz="3600" dirty="0" err="1">
                <a:solidFill>
                  <a:schemeClr val="tx1"/>
                </a:solidFill>
              </a:rPr>
              <a:t>ceddük</a:t>
            </a:r>
            <a:endParaRPr lang="tr-TR" sz="3600" dirty="0">
              <a:solidFill>
                <a:schemeClr val="tx1"/>
              </a:solidFill>
            </a:endParaRPr>
          </a:p>
        </p:txBody>
      </p:sp>
      <p:sp>
        <p:nvSpPr>
          <p:cNvPr id="22" name="Dikdörtgen 21"/>
          <p:cNvSpPr/>
          <p:nvPr/>
        </p:nvSpPr>
        <p:spPr>
          <a:xfrm>
            <a:off x="6225454" y="1671150"/>
            <a:ext cx="4890977" cy="473908"/>
          </a:xfrm>
          <a:prstGeom prst="rect">
            <a:avLst/>
          </a:prstGeom>
          <a:solidFill>
            <a:srgbClr val="FFCC99"/>
          </a:solidFill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 err="1">
                <a:solidFill>
                  <a:schemeClr val="tx1"/>
                </a:solidFill>
              </a:rPr>
              <a:t>Sübhâneke</a:t>
            </a:r>
            <a:r>
              <a:rPr lang="tr-TR" sz="3600" dirty="0">
                <a:solidFill>
                  <a:schemeClr val="tx1"/>
                </a:solidFill>
              </a:rPr>
              <a:t> </a:t>
            </a:r>
            <a:r>
              <a:rPr lang="tr-TR" sz="3600" dirty="0" err="1">
                <a:solidFill>
                  <a:schemeClr val="tx1"/>
                </a:solidFill>
              </a:rPr>
              <a:t>Allâhümme</a:t>
            </a:r>
            <a:endParaRPr lang="tr-TR" sz="3600" dirty="0">
              <a:solidFill>
                <a:schemeClr val="tx1"/>
              </a:solidFill>
            </a:endParaRPr>
          </a:p>
        </p:txBody>
      </p:sp>
      <p:sp>
        <p:nvSpPr>
          <p:cNvPr id="23" name="D"/>
          <p:cNvSpPr/>
          <p:nvPr/>
        </p:nvSpPr>
        <p:spPr>
          <a:xfrm>
            <a:off x="661649" y="1306566"/>
            <a:ext cx="4977474" cy="573358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>
                <a:solidFill>
                  <a:schemeClr val="tx1"/>
                </a:solidFill>
              </a:rPr>
              <a:t>Ve tebâra kesmük</a:t>
            </a:r>
            <a:endParaRPr lang="tr-TR" sz="3600" dirty="0">
              <a:solidFill>
                <a:schemeClr val="tx1"/>
              </a:solidFill>
            </a:endParaRPr>
          </a:p>
        </p:txBody>
      </p:sp>
      <p:sp>
        <p:nvSpPr>
          <p:cNvPr id="24" name="D"/>
          <p:cNvSpPr/>
          <p:nvPr/>
        </p:nvSpPr>
        <p:spPr>
          <a:xfrm>
            <a:off x="6225454" y="3216500"/>
            <a:ext cx="4890977" cy="602266"/>
          </a:xfrm>
          <a:prstGeom prst="rect">
            <a:avLst/>
          </a:prstGeom>
          <a:solidFill>
            <a:srgbClr val="FFCC99"/>
          </a:solidFill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Ve </a:t>
            </a:r>
            <a:r>
              <a:rPr lang="tr-TR" sz="3600" dirty="0" err="1">
                <a:solidFill>
                  <a:schemeClr val="tx1"/>
                </a:solidFill>
              </a:rPr>
              <a:t>tebâra</a:t>
            </a:r>
            <a:r>
              <a:rPr lang="tr-TR" sz="3600" dirty="0">
                <a:solidFill>
                  <a:schemeClr val="tx1"/>
                </a:solidFill>
              </a:rPr>
              <a:t> </a:t>
            </a:r>
            <a:r>
              <a:rPr lang="tr-TR" sz="3600" dirty="0" err="1">
                <a:solidFill>
                  <a:schemeClr val="tx1"/>
                </a:solidFill>
              </a:rPr>
              <a:t>kesmük</a:t>
            </a:r>
            <a:endParaRPr lang="tr-TR" sz="3600" dirty="0">
              <a:solidFill>
                <a:schemeClr val="tx1"/>
              </a:solidFill>
            </a:endParaRPr>
          </a:p>
        </p:txBody>
      </p:sp>
      <p:sp>
        <p:nvSpPr>
          <p:cNvPr id="25" name="D"/>
          <p:cNvSpPr/>
          <p:nvPr/>
        </p:nvSpPr>
        <p:spPr>
          <a:xfrm>
            <a:off x="661649" y="4978841"/>
            <a:ext cx="4922672" cy="608314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Ve </a:t>
            </a:r>
            <a:r>
              <a:rPr lang="tr-TR" sz="3600" dirty="0" err="1">
                <a:solidFill>
                  <a:schemeClr val="tx1"/>
                </a:solidFill>
              </a:rPr>
              <a:t>bi</a:t>
            </a:r>
            <a:r>
              <a:rPr lang="tr-TR" sz="3600" dirty="0">
                <a:solidFill>
                  <a:schemeClr val="tx1"/>
                </a:solidFill>
              </a:rPr>
              <a:t> </a:t>
            </a:r>
            <a:r>
              <a:rPr lang="tr-TR" sz="3600" dirty="0" err="1">
                <a:solidFill>
                  <a:schemeClr val="tx1"/>
                </a:solidFill>
              </a:rPr>
              <a:t>hamdik</a:t>
            </a:r>
            <a:r>
              <a:rPr lang="tr-TR" sz="3600" dirty="0">
                <a:solidFill>
                  <a:schemeClr val="tx1"/>
                </a:solidFill>
              </a:rPr>
              <a:t>.</a:t>
            </a:r>
          </a:p>
        </p:txBody>
      </p:sp>
      <p:sp>
        <p:nvSpPr>
          <p:cNvPr id="26" name="D"/>
          <p:cNvSpPr/>
          <p:nvPr/>
        </p:nvSpPr>
        <p:spPr>
          <a:xfrm>
            <a:off x="661649" y="4050081"/>
            <a:ext cx="4954576" cy="619501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Ve lâ ilâhe </a:t>
            </a:r>
            <a:r>
              <a:rPr lang="tr-TR" sz="3600" dirty="0" err="1">
                <a:solidFill>
                  <a:schemeClr val="tx1"/>
                </a:solidFill>
              </a:rPr>
              <a:t>ğayruk</a:t>
            </a:r>
            <a:endParaRPr lang="tr-TR" sz="3600" dirty="0">
              <a:solidFill>
                <a:schemeClr val="tx1"/>
              </a:solidFill>
            </a:endParaRPr>
          </a:p>
        </p:txBody>
      </p:sp>
      <p:sp>
        <p:nvSpPr>
          <p:cNvPr id="27" name="D"/>
          <p:cNvSpPr/>
          <p:nvPr/>
        </p:nvSpPr>
        <p:spPr>
          <a:xfrm>
            <a:off x="6225454" y="5727989"/>
            <a:ext cx="4890975" cy="648290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Ve lâ ilâhe </a:t>
            </a:r>
            <a:r>
              <a:rPr lang="tr-TR" sz="3600" dirty="0" err="1">
                <a:solidFill>
                  <a:schemeClr val="tx1"/>
                </a:solidFill>
              </a:rPr>
              <a:t>ğayruk</a:t>
            </a:r>
            <a:endParaRPr lang="tr-TR" sz="3600" dirty="0">
              <a:solidFill>
                <a:schemeClr val="tx1"/>
              </a:solidFill>
            </a:endParaRPr>
          </a:p>
        </p:txBody>
      </p:sp>
      <p:sp>
        <p:nvSpPr>
          <p:cNvPr id="28" name="D"/>
          <p:cNvSpPr/>
          <p:nvPr/>
        </p:nvSpPr>
        <p:spPr>
          <a:xfrm>
            <a:off x="6225454" y="2424088"/>
            <a:ext cx="4890977" cy="513382"/>
          </a:xfrm>
          <a:prstGeom prst="rect">
            <a:avLst/>
          </a:prstGeom>
          <a:solidFill>
            <a:srgbClr val="FFCC99"/>
          </a:solidFill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Ve </a:t>
            </a:r>
            <a:r>
              <a:rPr lang="tr-TR" sz="3600" dirty="0" err="1">
                <a:solidFill>
                  <a:schemeClr val="tx1"/>
                </a:solidFill>
              </a:rPr>
              <a:t>bi</a:t>
            </a:r>
            <a:r>
              <a:rPr lang="tr-TR" sz="3600" dirty="0">
                <a:solidFill>
                  <a:schemeClr val="tx1"/>
                </a:solidFill>
              </a:rPr>
              <a:t> </a:t>
            </a:r>
            <a:r>
              <a:rPr lang="tr-TR" sz="3600" dirty="0" err="1">
                <a:solidFill>
                  <a:schemeClr val="tx1"/>
                </a:solidFill>
              </a:rPr>
              <a:t>hamdik</a:t>
            </a:r>
            <a:endParaRPr lang="tr-TR" sz="3600" dirty="0">
              <a:solidFill>
                <a:schemeClr val="tx1"/>
              </a:solidFill>
            </a:endParaRPr>
          </a:p>
        </p:txBody>
      </p:sp>
      <p:sp>
        <p:nvSpPr>
          <p:cNvPr id="29" name="Yuvarlatılmış Dikdörtgen 28"/>
          <p:cNvSpPr/>
          <p:nvPr/>
        </p:nvSpPr>
        <p:spPr>
          <a:xfrm>
            <a:off x="11436021" y="-98786"/>
            <a:ext cx="921279" cy="769643"/>
          </a:xfrm>
          <a:prstGeom prst="roundRect">
            <a:avLst/>
          </a:prstGeom>
          <a:solidFill>
            <a:srgbClr val="FFCC9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800" dirty="0">
                <a:solidFill>
                  <a:schemeClr val="tx1"/>
                </a:solidFill>
              </a:rPr>
              <a:t>5</a:t>
            </a:r>
          </a:p>
        </p:txBody>
      </p:sp>
      <p:sp>
        <p:nvSpPr>
          <p:cNvPr id="30" name="Komut Düğmesi: Geri veya Önceki 29">
            <a:hlinkClick r:id="" action="ppaction://hlinkshowjump?jump=previousslide" highlightClick="1"/>
          </p:cNvPr>
          <p:cNvSpPr/>
          <p:nvPr/>
        </p:nvSpPr>
        <p:spPr>
          <a:xfrm>
            <a:off x="10647147" y="6346688"/>
            <a:ext cx="395785" cy="475908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31" name="Komut Düğmesi: İleri veya Sonraki 30">
            <a:hlinkClick r:id="" action="ppaction://hlinkshowjump?jump=nextslide" highlightClick="1"/>
          </p:cNvPr>
          <p:cNvSpPr/>
          <p:nvPr/>
        </p:nvSpPr>
        <p:spPr>
          <a:xfrm>
            <a:off x="11729117" y="6362012"/>
            <a:ext cx="412785" cy="445261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32" name="Komut Düğmesi: Giriş 31">
            <a:hlinkClick r:id="" action="ppaction://hlinkshowjump?jump=firstslide" highlightClick="1"/>
          </p:cNvPr>
          <p:cNvSpPr/>
          <p:nvPr/>
        </p:nvSpPr>
        <p:spPr>
          <a:xfrm>
            <a:off x="11122925" y="6362012"/>
            <a:ext cx="526199" cy="445261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679169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nimClr clrSpc="rgb" dir="cw"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c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</p:subTnLst>
                                </p:cTn>
                              </p:par>
                              <p:par>
                                <p:cTn id="1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2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5"/>
                  </p:tgtEl>
                </p:cond>
              </p:nextCondLst>
            </p:seq>
            <p:seq concurrent="1" nextAc="seek">
              <p:cTn id="35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6" fill="hold">
                      <p:stCondLst>
                        <p:cond delay="0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43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4" fill="hold">
                      <p:stCondLst>
                        <p:cond delay="0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</p:childTnLst>
        </p:cTn>
      </p:par>
    </p:tnLst>
    <p:bldLst>
      <p:bldP spid="16" grpId="0" animBg="1"/>
      <p:bldP spid="17" grpId="0" animBg="1"/>
      <p:bldP spid="18" grpId="0" animBg="1"/>
      <p:bldP spid="20" grpId="0" animBg="1"/>
      <p:bldP spid="21" grpId="0" animBg="1"/>
      <p:bldP spid="22" grpId="0" animBg="1"/>
      <p:bldP spid="23" grpId="0" animBg="1"/>
      <p:bldP spid="24" grpId="0" animBg="1"/>
      <p:bldP spid="25" grpId="0" animBg="1"/>
      <p:bldP spid="26" grpId="0" animBg="1"/>
      <p:bldP spid="27" grpId="0" animBg="1"/>
      <p:bldP spid="28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34"/>
  <p:tag name="MMPROD_UIDATA" val="&lt;database version=&quot;11.0&quot;&gt;&lt;object type=&quot;1&quot; unique_id=&quot;10001&quot;&gt;&lt;object type=&quot;8&quot; unique_id=&quot;71514&quot;&gt;&lt;/object&gt;&lt;object type=&quot;2&quot; unique_id=&quot;71515&quot;&gt;&lt;object type=&quot;3&quot; unique_id=&quot;71520&quot;&gt;&lt;property id=&quot;20148&quot; value=&quot;5&quot;/&gt;&lt;property id=&quot;20300&quot; value=&quot;Slide 1&quot;/&gt;&lt;property id=&quot;20307&quot; value=&quot;256&quot;/&gt;&lt;/object&gt;&lt;object type=&quot;3&quot; unique_id=&quot;71521&quot;&gt;&lt;property id=&quot;20148&quot; value=&quot;5&quot;/&gt;&lt;property id=&quot;20300&quot; value=&quot;Slide 3&quot;/&gt;&lt;property id=&quot;20307&quot; value=&quot;257&quot;/&gt;&lt;/object&gt;&lt;object type=&quot;3&quot; unique_id=&quot;71646&quot;&gt;&lt;property id=&quot;20148&quot; value=&quot;5&quot;/&gt;&lt;property id=&quot;20300&quot; value=&quot;Slide 2&quot;/&gt;&lt;property id=&quot;20307&quot; value=&quot;258&quot;/&gt;&lt;/object&gt;&lt;object type=&quot;3&quot; unique_id=&quot;71647&quot;&gt;&lt;property id=&quot;20148&quot; value=&quot;5&quot;/&gt;&lt;property id=&quot;20300&quot; value=&quot;Slide 4&quot;/&gt;&lt;property id=&quot;20307&quot; value=&quot;260&quot;/&gt;&lt;/object&gt;&lt;object type=&quot;3&quot; unique_id=&quot;71648&quot;&gt;&lt;property id=&quot;20148&quot; value=&quot;5&quot;/&gt;&lt;property id=&quot;20300&quot; value=&quot;Slide 5&quot;/&gt;&lt;property id=&quot;20307&quot; value=&quot;265&quot;/&gt;&lt;/object&gt;&lt;object type=&quot;3&quot; unique_id=&quot;71649&quot;&gt;&lt;property id=&quot;20148&quot; value=&quot;5&quot;/&gt;&lt;property id=&quot;20300&quot; value=&quot;Slide 6 - &amp;quot;Ara değerlendirme&amp;quot;&quot;/&gt;&lt;property id=&quot;20307&quot; value=&quot;266&quot;/&gt;&lt;/object&gt;&lt;object type=&quot;3&quot; unique_id=&quot;71650&quot;&gt;&lt;property id=&quot;20148&quot; value=&quot;5&quot;/&gt;&lt;property id=&quot;20300&quot; value=&quot;Slide 7&quot;/&gt;&lt;property id=&quot;20307&quot; value=&quot;262&quot;/&gt;&lt;/object&gt;&lt;object type=&quot;3&quot; unique_id=&quot;71651&quot;&gt;&lt;property id=&quot;20148&quot; value=&quot;5&quot;/&gt;&lt;property id=&quot;20300&quot; value=&quot;Slide 8&quot;/&gt;&lt;property id=&quot;20307&quot; value=&quot;267&quot;/&gt;&lt;/object&gt;&lt;object type=&quot;3&quot; unique_id=&quot;71975&quot;&gt;&lt;property id=&quot;20148&quot; value=&quot;5&quot;/&gt;&lt;property id=&quot;20300&quot; value=&quot;Slide 9&quot;/&gt;&lt;property id=&quot;20307&quot; value=&quot;268&quot;/&gt;&lt;/object&gt;&lt;/object&gt;&lt;/object&gt;&lt;/database&gt;"/>
  <p:tag name="SECTOMILLISECCONVERTED" val="1"/>
  <p:tag name="ISPRING_PRESENTER_PHOTO_0" val="png|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"/>
  <p:tag name="ISPRING_COMPANY_LOGO" val="ISPRING_PRESENTER_PHOTO_0"/>
  <p:tag name="ISPRING_WEBLINKS_TARGET" val="_blank"/>
  <p:tag name="ISPRING_WEBLINKS_TARGETMJT" val="_self"/>
  <p:tag name="ISPRING-SUITE_ISPRING_PLAYERS_CUSTOMIZATION_2" val="{&quot;universal&quot;:{&quot;skinSettings&quot;:{&quot;borderRadius&quot;:20,&quot;colors&quot;:{&quot;asideBackground&quot;:{&quot;color&quot;:&quot;#EFF1F2&quot;,&quot;opacity&quot;:1,&quot;type&quot;:&quot;SOLID&quot;},&quot;asideElementBackgroundActive&quot;:{&quot;color&quot;:&quot;#A282ED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FFFFFF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degree&quot;:90,&quot;gradient&quot;:[{&quot;color&quot;:&quot;#8695FF&quot;,&quot;opacity&quot;:1},{&quot;color&quot;:&quot;#D65FCC&quot;,&quot;opacity&quot;:1}],&quot;type&quot;:&quot;GRADIENT&quot;},&quot;primaryButtonBackgroundHover&quot;:{&quot;degree&quot;:180,&quot;gradient&quot;:[{&quot;color&quot;:&quot;#8695FF&quot;,&quot;opacity&quot;:1},{&quot;color&quot;:&quot;#D65FCC&quot;,&quot;opacity&quot;:1}],&quot;type&quot;:&quot;GRADIENT&quot;},&quot;primaryButtonBorder&quot;:{&quot;color&quot;:&quot;#8962DB&quot;,&quot;opacity&quot;:0,&quot;type&quot;:&quot;SOLID&quot;},&quot;primaryButtonBorderHover&quot;:{&quot;color&quot;:&quot;#7150B6&quot;,&quot;opacity&quot;:0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false,&quot;showPrevButton&quot;:true,&quot;showRewind&quot;:true,&quot;showSlideNumbers&quot;:true,&quot;showSlideOnlyButton&quot;:true,&quot;showTimer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true,&quot;showLogo&quot;:true,&quot;visible&quot;:tru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Sonraki&quot;,&quot;PB_ACCESSIBLE_NAVIGATION_PREV_BUTTON&quot;:&quot;Önceki 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Dökoman&quot;,&quot;PB_ATTACHMENT_FILE_SUBTITLE&quot;:&quot;Dosya&quot;,&quot;PB_ATTACHMENT_IMAGE_SUBTITLE&quot;:&quot;Resim&quot;,&quot;PB_ATTACHMENT_LINK_SUBTITLE&quot;:&quot;Link&quot;,&quot;PB_ATTACHMENT_VIDEO_SUBTITLE&quot;:&quot;Video&quot;,&quot;PB_BACK_TO_APP_BUTTON_LABEL&quot;:&quot;Geri&quot;,&quot;PB_CC_MENU_OFF&quot;:&quot;Off&quot;,&quot;PB_CC_MENU_ON&quot;:&quot;On&quot;,&quot;PB_CC_MENU_TITLE&quot;:&quot;Notes&quot;,&quot;PB_CONTROL_PANEL_CLOSED_CAPTIONS&quot;:&quot;PB_CONTROL_PANEL_CLOSED_CAPTIONS&quot;,&quot;PB_CONTROL_PANEL_EXIT_FULL_SCREEN&quot;:&quot;Tam ekrandan çık&quot;,&quot;PB_CONTROL_PANEL_FULL_SCREEN&quot;:&quot;Tam ekran&quot;,&quot;PB_CONTROL_PANEL_NEXT&quot;:&quot;SONRAKİ&quot;,&quot;PB_CONTROL_PANEL_OUTLINE&quot;:&quot;OUTLINE&quot;,&quot;PB_CONTROL_PANEL_PREV&quot;:&quot;ÖNCEKİ&quot;,&quot;PB_CONTROL_PANEL_REPLAY&quot;:&quot;Tekrarlama&quot;,&quot;PB_CONTROL_PANEL_SLIDE_COUNTER&quot;:&quot;%SLIDE_NUMBER%\/%TOTAL_SLIDES%&quot;,&quot;PB_CONTROL_PANEL_VOLUME_CONTROL&quot;:&quot;Ses seviyesi&quot;,&quot;PB_CURRENT_SLIDE_IS_NOT_COMPLETED&quot;:&quot;Devam etmek için slaydın tamamını görüntülemeniz gerekiyor&quot;,&quot;PB_DOMAIN_RESTRICTION&quot;:&quot;Üzgünüz, yazar bu alandaki sunumun görüntülenmesini devre dışı bırakt&quot;,&quot;PB_DRAWING_TOOLS_END_DRAWING&quot;:&quot;Çizimi sonlandır&quot;,&quot;PB_DRAWING_TOOLS_ERASER&quot;:&quot;Silgi&quot;,&quot;PB_DRAWING_TOOLS_ERASE_ALL&quot;:&quot;Tümünü Sil&quot;,&quot;PB_DRAWING_TOOLS_HIGHLIGHTER&quot;:&quot;İşaretleyici&quot;,&quot;PB_DRAWING_TOOLS_PEN&quot;:&quot;Kalem&quot;,&quot;PB_ENTER_PASSWORD&quot;:&quot;Sunuyu görüntülemek için şifre girin&quot;,&quot;PB_INCORRECT_PASSWORD&quot;:&quot;Şire yanlış&quot;,&quot;PB_INTERACTION_SLIDE_WINDOW_TEXT&quot;:&quot;Bu slayttan ayrılmadan önce etkileşimi tamamlamanız gerekmektedir.&quot;,&quot;PB_MESSAGE_BOX_NO&quot;:&quot;HAYIR&quot;,&quot;PB_MESSAGE_BOX_OK&quot;:&quot;Tamam&quot;,&quot;PB_MESSAGE_BOX_YES&quot;:&quot;EVET&quot;,&quot;PB_NAVIGATION_IS_RESTRICTED&quot;:&quot;Yalnızca daha önce görüntülenen slaytlara erişebilirsiniz.&quot;,&quot;PB_NAVIGATION_IS_SEQUENTIAL&quot;:&quot;Slaytları verilen sırayla görüntülemeniz gerekir.&quot;,&quot;PB_PLAYBACK_RATE_MENU_CAPTION&quot;:&quot;Speed&quot;,&quot;PB_PRECEDING_QUIZ_FAILED_WINDOW_TEXT&quot;:&quot;%SLIDE_INDEX% slaytındaki sınavı geçemediğiniz için ilerleyemezsiniz.&quot;,&quot;PB_PRECEDING_QUIZ_NOT_COMPLETED_WINDOW_TEXT&quot;:&quot;İlerlemek için %SLIDE_INDEX% slaytındaki testi denemelisiniz.&quot;,&quot;PB_PRECEDING_QUIZ_NOT_PASSED_WINDOW_TEXT&quot;:&quot;İlerlemek için %SLIDE_INDEX% slaytındaki testi geçmelisiniz.&quot;,&quot;PB_PRECEDING_SCENARIO_FAILED_WINDOW_TEXT&quot;:&quot;%SLIDEINDEX% slaytındaki simülasyonu geçemediğiniz için ilerleyemezsiniz.&quot;,&quot;PB_PRECEDING_SCENARIO_NOT_COMPLETED_WINDOW_TEXT&quot;:&quot;İlerlemek için %SLIDE_INDEX% slaytındaki simülasyonu denemelisiniz.&quot;,&quot;PB_PRECEDING_SCENARIO_NOT_PASSED_WINDOW_TEXT&quot;:&quot;İlerlemek için %SLIDE_INDEX% slaytındaki simülasyonu geçmelisiniz.&quot;,&quot;PB_PRESENTER_COLLAPSE_BIO&quot;:&quot;Daha faz göster&quot;,&quot;PB_PRESENTER_EMAIL&quot;:&quot;Email&quot;,&quot;PB_PRESENTER_EXPAND_BIO&quot;:&quot;Daha fazla göster&quot;,&quot;PB_PRESENTER_NO_INFO&quot;:&quot;Sunucu Bilgisi Yok&quot;,&quot;PB_PRESENTER_WEBSITE&quot;:&quot;Website&quot;,&quot;PB_QUIZ_SLIDE_WINDOW_TEXT&quot;:&quot;Bu slayttan ayrılmadan önce testi tamamlamanız gerekmektedir.&quot;,&quot;PB_RATE_MENU_CAPTION&quot;:&quot;Hız&quot;,&quot;PB_RATE_MENU_DEFAULT_RATE&quot;:&quot;Normal&quot;,&quot;PB_RESUME_PRESENTATION_WINDOW_TEXT&quot;:&quot;Sunuyu son görüntülenen slayttan devam ettirmek ister misiniz?&quot;,&quot;PB_SCENARIO_SLIDE_WINDOW_TEXT&quot;:&quot;Bu slayttan ayrılmadan önce simülasyonu tamamlamanız gerekmektedir.&quot;,&quot;PB_SEARCH_CANCEL&quot;:&quot;İptal&quot;,&quot;PB_SEARCH_NO_RESULTS_LABEL&quot;:&quot;Hiçbir sonuç bulunamadı&quot;,&quot;PB_SEARCH_PANEL_DEFAULT_TEXT&quot;:&quot;Ara&quot;,&quot;PB_SEARCH_RESULTS_LABEL&quot;:&quot;ARARMA SONUÇLARI&quot;,&quot;PB_SEARCH_RESULT_IN_NOTES&quot;:&quot;Notlarda ara&quot;,&quot;PB_SEARCH_RESULT_IN_TEXT_LABEL&quot;:&quot;[slayt metni&quot;,&quot;PB_SUBTITLES_MENU_CAPTION&quot;:&quot;Subtitles&quot;,&quot;PB_SUBTITLES_OFF&quot;:&quot;Off&quot;,&quot;PB_TAB_NOTES_LABEL&quot;:&quot;Notlar&quot;,&quot;PB_TAB_OUTLINE_LABEL&quot;:&quot;İÇİNDEKİLER&quot;,&quot;PB_TIME_RESTRICTION&quot;:&quot;Üzgünüz, yazar şu anda sunumu görüntülemeyi devre dışı bıraktı.&quot;,&quot;PB_TITLE_PANEL_ATTACHMENTS&quot;:&quot;www.dindersimateryal.com&quot;,&quot;PB_TITLE_PANEL_MARKER_TOOLS&quot;:&quot;Kalem\/İşaretleyici&quot;,&quot;PB_TITLE_PANEL_NOTES&quot;:&quot;Notlar&quot;,&quot;PB_TITLE_PANEL_OUTLINE&quot;:&quot;İçindekiler&quot;,&quot;PB_TITLE_PANEL_PRESENTER_INFO&quot;:&quot;Sunucu Bilgisi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COMPANY_WEBSITE&quot;,&quot;DT_COURSE_TITLE&quot;,&quot;DT_SLIDE_TITLE&quot;,&quot;DT_SLIDE_NOTES_TEXT&quot;,&quot;DT_SLIDE_TEXT&quot;,&quot;DT_HYPERLINK_TOOLTIP&quot;]},&quot;resources&quot;:{&quot;attachments&quot;:false,&quot;companyLogos&quot;:{&quot;enlargeToFit&quot;:false,&quot;height&quot;:156,&quot;jpegQuality&quot;:100,&quot;keepAspectRatio&quot;:true,&quot;width&quot;:266},&quot;fonts&quot;:[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replay,fullscreen,volumeControl,slideNumber,goToPrev,goToNext&quot;,&quot;playerLayoutHeader&quot;:&quot;markerTools,outline,title,logo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20,&quot;playerThemeColorScheme&quot;:&quot;builtin.lightPurple&quot;,&quot;playerThemeFont&quot;:&quot;Arial&quot;}}}"/>
  <p:tag name="ISPRING-SUITE_ISPRING_CURRENT_PLAYER_ID" val="universal"/>
  <p:tag name="ISPRING_PRESENTATION_COURSE_TITLE" val="4.1.3._bir_dua_taniyorum_subhaneke_duasi_ve_anlami"/>
  <p:tag name="ISPRING_LMS_API_VERSION" val="SCORM 2004 (4th edition)"/>
  <p:tag name="ISPRING_ULTRA_SCORM_COURSE_ID" val="B4E70E51-B6CA-4189-9201-54F8B2785192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İSPRİNGCLOUDFOLDERID" val="1"/>
  <p:tag name="İSPRİNGONLİNEFOLDERID" val="1"/>
  <p:tag name="ISPRING_OUTPUT_FOLDER" val="[[&quot;W\uFFFD\uFFFD{B183E348-C202-44F7-B565-2C1AFCBC22E2}&quot;,&quot;C:\\Users\\Monster\\Desktop\\SUNULAR\\4. SINIF\\1. ÜNİTE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4.1.3._bir_dua_taniyorum_subhaneke_duasi_ve_anlami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Giriş Sorusu"/>
  <p:tag name="ISPRING_SLIDE_INDENT_LEVEL" val="0"/>
  <p:tag name="ISPRING_CUSTOM_TIMING_USED" val="0"/>
  <p:tag name="GENSWF_SLIDE_UID" val="{D9BBEB38-DAFD-4C59-A272-66DEE62B5A8A}:256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CEB2387-7933-4D2C-87D9-EFD2FC803ED8}:27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ubhaneke Duası"/>
  <p:tag name="ISPRING_SLIDE_INDENT_LEVEL" val="0"/>
  <p:tag name="ISPRING_CUSTOM_TIMING_USED" val="0"/>
  <p:tag name="GENSWF_SLIDE_UID" val="{BB94AAFB-FAF8-4018-8182-A91A035BD79D}:257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HTML_SHAPEINFO" val="&lt;SlideThumbPath val=&quot;Slide20.PNG&quot;/&gt;"/>
  <p:tag name="GENSWF_SLIDE_TITLE" val="Soru 1"/>
  <p:tag name="ISPRING_SLIDE_INDENT_LEVEL" val="0"/>
  <p:tag name="ISPRING_CUSTOM_TIMING_USED" val="0"/>
  <p:tag name="GENSWF_SLIDE_UID" val="{2F51C609-7B77-4DF7-87E6-340801F0CF68}:26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3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37D0A9A5-0CB9-49DF-941C-2DE1C6C65ED8}_20.png&quot;/&gt;&lt;left val=&quot;525&quot;/&gt;&lt;top val=&quot;287&quot;/&gt;&lt;width val=&quot;187&quot;/&gt;&lt;height val=&quot;52&quot;/&gt;&lt;hasText val=&quot;1&quot;/&gt;&lt;/Image&gt;&lt;/ThreeDShapeInfo&gt;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8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E4B5381-1102-42B1-9BA9-E2384CDF7EDB}_20.png&quot;/&gt;&lt;left val=&quot;676&quot;/&gt;&lt;top val=&quot;260&quot;/&gt;&lt;width val=&quot;276&quot;/&gt;&lt;height val=&quot;60&quot;/&gt;&lt;hasText val=&quot;1&quot;/&gt;&lt;/Image&gt;&lt;/ThreeDShapeInfo&gt;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0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737C2DD1-6AC5-4605-A17A-737FD8B2A572}_20.png&quot;/&gt;&lt;left val=&quot;490&quot;/&gt;&lt;top val=&quot;471&quot;/&gt;&lt;width val=&quot;406&quot;/&gt;&lt;height val=&quot;51&quot;/&gt;&lt;hasText val=&quot;1&quot;/&gt;&lt;/Image&gt;&lt;/ThreeDShapeInfo&gt;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0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BB82DC4A-A4D4-4FB7-90C9-C4F26D7A6B21}_20.png&quot;/&gt;&lt;left val=&quot;752&quot;/&gt;&lt;top val=&quot;368&quot;/&gt;&lt;width val=&quot;170&quot;/&gt;&lt;height val=&quot;68&quot;/&gt;&lt;hasText val=&quot;1&quot;/&gt;&lt;/Image&gt;&lt;/ThreeDShapeInfo&gt;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5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FA5985E-EC92-45CE-82DD-77882917584C}_20.png&quot;/&gt;&lt;left val=&quot;545&quot;/&gt;&lt;top val=&quot;369&quot;/&gt;&lt;width val=&quot;134&quot;/&gt;&lt;height val=&quot;85&quot;/&gt;&lt;hasText val=&quot;1&quot;/&gt;&lt;/Image&gt;&lt;/ThreeDShapeInfo&gt;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3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37D0A9A5-0CB9-49DF-941C-2DE1C6C65ED8}_20.png&quot;/&gt;&lt;left val=&quot;525&quot;/&gt;&lt;top val=&quot;287&quot;/&gt;&lt;width val=&quot;187&quot;/&gt;&lt;height val=&quot;52&quot;/&gt;&lt;hasText val=&quot;1&quot;/&gt;&lt;/Image&gt;&lt;/ThreeDShapeInfo&gt;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0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BB82DC4A-A4D4-4FB7-90C9-C4F26D7A6B21}_20.png&quot;/&gt;&lt;left val=&quot;752&quot;/&gt;&lt;top val=&quot;368&quot;/&gt;&lt;width val=&quot;170&quot;/&gt;&lt;height val=&quot;68&quot;/&gt;&lt;hasText val=&quot;1&quot;/&gt;&lt;/Image&gt;&lt;/ThreeDShapeInfo&gt;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8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E4B5381-1102-42B1-9BA9-E2384CDF7EDB}_20.png&quot;/&gt;&lt;left val=&quot;676&quot;/&gt;&lt;top val=&quot;260&quot;/&gt;&lt;width val=&quot;276&quot;/&gt;&lt;height val=&quot;60&quot;/&gt;&lt;hasText val=&quot;1&quot;/&gt;&lt;/Image&gt;&lt;/ThreeDShapeInfo&gt;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5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FA5985E-EC92-45CE-82DD-77882917584C}_20.png&quot;/&gt;&lt;left val=&quot;545&quot;/&gt;&lt;top val=&quot;369&quot;/&gt;&lt;width val=&quot;134&quot;/&gt;&lt;height val=&quot;85&quot;/&gt;&lt;hasText val=&quot;1&quot;/&gt;&lt;/Image&gt;&lt;/ThreeDShapeInfo&gt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HTML_SHAPEINFO" val="&lt;SlideThumbPath val=&quot;Slide20.PNG&quot;/&gt;"/>
  <p:tag name="GENSWF_SLIDE_TITLE" val="Soru 2"/>
  <p:tag name="ISPRING_SLIDE_INDENT_LEVEL" val="0"/>
  <p:tag name="ISPRING_CUSTOM_TIMING_USED" val="0"/>
  <p:tag name="GENSWF_SLIDE_UID" val="{41E52475-AB67-4111-9E9D-C2C0526F8271}:265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3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37D0A9A5-0CB9-49DF-941C-2DE1C6C65ED8}_20.png&quot;/&gt;&lt;left val=&quot;525&quot;/&gt;&lt;top val=&quot;287&quot;/&gt;&lt;width val=&quot;187&quot;/&gt;&lt;height val=&quot;52&quot;/&gt;&lt;hasText val=&quot;1&quot;/&gt;&lt;/Image&gt;&lt;/ThreeDShapeInfo&gt;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8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E4B5381-1102-42B1-9BA9-E2384CDF7EDB}_20.png&quot;/&gt;&lt;left val=&quot;676&quot;/&gt;&lt;top val=&quot;260&quot;/&gt;&lt;width val=&quot;276&quot;/&gt;&lt;height val=&quot;60&quot;/&gt;&lt;hasText val=&quot;1&quot;/&gt;&lt;/Image&gt;&lt;/ThreeDShapeInfo&gt;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0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737C2DD1-6AC5-4605-A17A-737FD8B2A572}_20.png&quot;/&gt;&lt;left val=&quot;490&quot;/&gt;&lt;top val=&quot;471&quot;/&gt;&lt;width val=&quot;406&quot;/&gt;&lt;height val=&quot;51&quot;/&gt;&lt;hasText val=&quot;1&quot;/&gt;&lt;/Image&gt;&lt;/ThreeDShapeInfo&gt;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0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BB82DC4A-A4D4-4FB7-90C9-C4F26D7A6B21}_20.png&quot;/&gt;&lt;left val=&quot;752&quot;/&gt;&lt;top val=&quot;368&quot;/&gt;&lt;width val=&quot;170&quot;/&gt;&lt;height val=&quot;68&quot;/&gt;&lt;hasText val=&quot;1&quot;/&gt;&lt;/Image&gt;&lt;/ThreeDShapeInfo&gt;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5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FA5985E-EC92-45CE-82DD-77882917584C}_20.png&quot;/&gt;&lt;left val=&quot;545&quot;/&gt;&lt;top val=&quot;369&quot;/&gt;&lt;width val=&quot;134&quot;/&gt;&lt;height val=&quot;85&quot;/&gt;&lt;hasText val=&quot;1&quot;/&gt;&lt;/Image&gt;&lt;/ThreeDShapeInfo&gt;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3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37D0A9A5-0CB9-49DF-941C-2DE1C6C65ED8}_20.png&quot;/&gt;&lt;left val=&quot;525&quot;/&gt;&lt;top val=&quot;287&quot;/&gt;&lt;width val=&quot;187&quot;/&gt;&lt;height val=&quot;52&quot;/&gt;&lt;hasText val=&quot;1&quot;/&gt;&lt;/Image&gt;&lt;/ThreeDShapeInfo&gt;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0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BB82DC4A-A4D4-4FB7-90C9-C4F26D7A6B21}_20.png&quot;/&gt;&lt;left val=&quot;752&quot;/&gt;&lt;top val=&quot;368&quot;/&gt;&lt;width val=&quot;170&quot;/&gt;&lt;height val=&quot;68&quot;/&gt;&lt;hasText val=&quot;1&quot;/&gt;&lt;/Image&gt;&lt;/ThreeDShapeInfo&gt;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8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E4B5381-1102-42B1-9BA9-E2384CDF7EDB}_20.png&quot;/&gt;&lt;left val=&quot;676&quot;/&gt;&lt;top val=&quot;260&quot;/&gt;&lt;width val=&quot;276&quot;/&gt;&lt;height val=&quot;60&quot;/&gt;&lt;hasText val=&quot;1&quot;/&gt;&lt;/Image&gt;&lt;/ThreeDShape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5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FA5985E-EC92-45CE-82DD-77882917584C}_20.png&quot;/&gt;&lt;left val=&quot;545&quot;/&gt;&lt;top val=&quot;369&quot;/&gt;&lt;width val=&quot;134&quot;/&gt;&lt;height val=&quot;85&quot;/&gt;&lt;hasText val=&quot;1&quot;/&gt;&lt;/Image&gt;&lt;/ThreeDShapeInfo&gt;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ru 3"/>
  <p:tag name="ISPRING_SLIDE_INDENT_LEVEL" val="0"/>
  <p:tag name="ISPRING_CUSTOM_TIMING_USED" val="0"/>
  <p:tag name="GENSWF_SLIDE_UID" val="{B9A33F74-03D9-4B90-8D17-72364BD38D41}:266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HTML_SHAPEINFO" val="&lt;SlideThumbPath val=&quot;Slide20.PNG&quot;/&gt;"/>
  <p:tag name="GENSWF_SLIDE_TITLE" val="Soru 4"/>
  <p:tag name="ISPRING_SLIDE_INDENT_LEVEL" val="0"/>
  <p:tag name="ISPRING_CUSTOM_TIMING_USED" val="0"/>
  <p:tag name="GENSWF_SLIDE_UID" val="{223D1369-BA4F-4EA2-861C-19ABF90D3FE6}:262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0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737C2DD1-6AC5-4605-A17A-737FD8B2A572}_20.png&quot;/&gt;&lt;left val=&quot;490&quot;/&gt;&lt;top val=&quot;471&quot;/&gt;&lt;width val=&quot;406&quot;/&gt;&lt;height val=&quot;51&quot;/&gt;&lt;hasText val=&quot;1&quot;/&gt;&lt;/Image&gt;&lt;/ThreeDShapeInfo&gt;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0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BB82DC4A-A4D4-4FB7-90C9-C4F26D7A6B21}_20.png&quot;/&gt;&lt;left val=&quot;752&quot;/&gt;&lt;top val=&quot;368&quot;/&gt;&lt;width val=&quot;170&quot;/&gt;&lt;height val=&quot;68&quot;/&gt;&lt;hasText val=&quot;1&quot;/&gt;&lt;/Image&gt;&lt;/ThreeDShapeInfo&gt;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3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37D0A9A5-0CB9-49DF-941C-2DE1C6C65ED8}_20.png&quot;/&gt;&lt;left val=&quot;525&quot;/&gt;&lt;top val=&quot;287&quot;/&gt;&lt;width val=&quot;187&quot;/&gt;&lt;height val=&quot;52&quot;/&gt;&lt;hasText val=&quot;1&quot;/&gt;&lt;/Image&gt;&lt;/ThreeDShapeInfo&gt;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8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E4B5381-1102-42B1-9BA9-E2384CDF7EDB}_20.png&quot;/&gt;&lt;left val=&quot;676&quot;/&gt;&lt;top val=&quot;260&quot;/&gt;&lt;width val=&quot;276&quot;/&gt;&lt;height val=&quot;60&quot;/&gt;&lt;hasText val=&quot;1&quot;/&gt;&lt;/Image&gt;&lt;/ThreeDShapeInfo&gt;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8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E4B5381-1102-42B1-9BA9-E2384CDF7EDB}_20.png&quot;/&gt;&lt;left val=&quot;676&quot;/&gt;&lt;top val=&quot;260&quot;/&gt;&lt;width val=&quot;276&quot;/&gt;&lt;height val=&quot;60&quot;/&gt;&lt;hasText val=&quot;1&quot;/&gt;&lt;/Image&gt;&lt;/ThreeDShapeInfo&gt;"/>
</p:tagLst>
</file>

<file path=ppt/tags/tag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3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37D0A9A5-0CB9-49DF-941C-2DE1C6C65ED8}_20.png&quot;/&gt;&lt;left val=&quot;525&quot;/&gt;&lt;top val=&quot;287&quot;/&gt;&lt;width val=&quot;187&quot;/&gt;&lt;height val=&quot;52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3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37D0A9A5-0CB9-49DF-941C-2DE1C6C65ED8}_20.png&quot;/&gt;&lt;left val=&quot;525&quot;/&gt;&lt;top val=&quot;287&quot;/&gt;&lt;width val=&quot;187&quot;/&gt;&lt;height val=&quot;52&quot;/&gt;&lt;hasText val=&quot;1&quot;/&gt;&lt;/Image&gt;&lt;/ThreeDShapeInfo&gt;"/>
</p:tagLst>
</file>

<file path=ppt/tags/tag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5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FA5985E-EC92-45CE-82DD-77882917584C}_20.png&quot;/&gt;&lt;left val=&quot;545&quot;/&gt;&lt;top val=&quot;369&quot;/&gt;&lt;width val=&quot;134&quot;/&gt;&lt;height val=&quot;85&quot;/&gt;&lt;hasText val=&quot;1&quot;/&gt;&lt;/Image&gt;&lt;/ThreeDShapeInfo&gt;"/>
</p:tagLst>
</file>

<file path=ppt/tags/tag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5&quot;/&gt;&lt;/TableIndex&gt;&lt;/ShapeTextInfo&gt;"/>
  <p:tag name="HTML_SHAPEINFO" val="&lt;ThreeDShapeInfo&gt;&lt;uuid val=&quot;&quot;/&gt;&lt;isInvalidForFieldText val=&quot;0&quot;/&gt;&lt;Image&gt;&lt;filename val=&quot;C:\Users\Samsung\Desktop\Yeni klasör\data\asimages\{5FA5985E-EC92-45CE-82DD-77882917584C}_20.png&quot;/&gt;&lt;left val=&quot;545&quot;/&gt;&lt;top val=&quot;369&quot;/&gt;&lt;width val=&quot;134&quot;/&gt;&lt;height val=&quot;85&quot;/&gt;&lt;hasText val=&quot;1&quot;/&gt;&lt;/Image&gt;&lt;/ThreeDShapeInfo&gt;"/>
</p:tagLst>
</file>

<file path=ppt/tags/tag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A461743-A3D3-4FC6-99CD-B6709CF75A7B}:270"/>
</p:tagLst>
</file>

<file path=ppt/tags/tag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ıralama"/>
  <p:tag name="ISPRING_SLIDE_INDENT_LEVEL" val="0"/>
  <p:tag name="ISPRING_CUSTOM_TIMING_USED" val="0"/>
  <p:tag name="GENSWF_SLIDE_UID" val="{9CC07F00-A9A3-456C-B5D8-CA5D80E4380F}:267"/>
</p:tagLst>
</file>

<file path=ppt/tags/tag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7C5F4C1-1B8F-4988-ABF8-17C55F3CA5E3}:269"/>
</p:tagLst>
</file>

<file path=ppt/tags/tag5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n Sayfa: Tanıtım"/>
  <p:tag name="ISPRING_SLIDE_INDENT_LEVEL" val="0"/>
  <p:tag name="ISPRING_CUSTOM_TIMING_USED" val="0"/>
  <p:tag name="GENSWF_SLIDE_UID" val="{CAF0FEAD-FD3B-488A-88D4-2AF3BD4567AF}:391"/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Contents Slide Master">
  <a:themeElements>
    <a:clrScheme name="ALLPPT-COLOR-A23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F8B2A3"/>
      </a:accent1>
      <a:accent2>
        <a:srgbClr val="A4B4EA"/>
      </a:accent2>
      <a:accent3>
        <a:srgbClr val="9AD3E9"/>
      </a:accent3>
      <a:accent4>
        <a:srgbClr val="98DFBB"/>
      </a:accent4>
      <a:accent5>
        <a:srgbClr val="CBCBCB"/>
      </a:accent5>
      <a:accent6>
        <a:srgbClr val="576868"/>
      </a:accent6>
      <a:hlink>
        <a:srgbClr val="3F3F3F"/>
      </a:hlink>
      <a:folHlink>
        <a:srgbClr val="3F3F3F"/>
      </a:folHlink>
    </a:clrScheme>
    <a:fontScheme name="ALLPPT FONT">
      <a:majorFont>
        <a:latin typeface="Arial"/>
        <a:ea typeface="Arial Unicode MS"/>
        <a:cs typeface=""/>
      </a:majorFont>
      <a:minorFont>
        <a:latin typeface="Arial"/>
        <a:ea typeface="Arial Unicode MS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rgbClr val="9AD3E9"/>
        </a:solidFill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</a:theme>
</file>

<file path=ppt/theme/theme3.xml><?xml version="1.0" encoding="utf-8"?>
<a:theme xmlns:a="http://schemas.openxmlformats.org/drawingml/2006/main" name="SKETCH LESSON">
  <a:themeElements>
    <a:clrScheme name="Simple Light">
      <a:dk1>
        <a:srgbClr val="000000"/>
      </a:dk1>
      <a:lt1>
        <a:srgbClr val="FFFFFF"/>
      </a:lt1>
      <a:dk2>
        <a:srgbClr val="595959"/>
      </a:dk2>
      <a:lt2>
        <a:srgbClr val="EEEEEE"/>
      </a:lt2>
      <a:accent1>
        <a:srgbClr val="FEB8B3"/>
      </a:accent1>
      <a:accent2>
        <a:srgbClr val="A6DFDA"/>
      </a:accent2>
      <a:accent3>
        <a:srgbClr val="FED58A"/>
      </a:accent3>
      <a:accent4>
        <a:srgbClr val="FF9991"/>
      </a:accent4>
      <a:accent5>
        <a:srgbClr val="8FE2DB"/>
      </a:accent5>
      <a:accent6>
        <a:srgbClr val="FFBF49"/>
      </a:accent6>
      <a:hlink>
        <a:srgbClr val="0097A7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4.xml><?xml version="1.0" encoding="utf-8"?>
<a:theme xmlns:a="http://schemas.openxmlformats.org/drawingml/2006/main" name="1_Office Teması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5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348</TotalTime>
  <Words>267</Words>
  <Application>Microsoft Office PowerPoint</Application>
  <PresentationFormat>Geniş ekran</PresentationFormat>
  <Paragraphs>99</Paragraphs>
  <Slides>11</Slides>
  <Notes>11</Notes>
  <HiddenSlides>0</HiddenSlides>
  <MMClips>0</MMClips>
  <ScaleCrop>false</ScaleCrop>
  <HeadingPairs>
    <vt:vector size="6" baseType="variant">
      <vt:variant>
        <vt:lpstr>Kullanılan Yazı Tipleri</vt:lpstr>
      </vt:variant>
      <vt:variant>
        <vt:i4>9</vt:i4>
      </vt:variant>
      <vt:variant>
        <vt:lpstr>Tema</vt:lpstr>
      </vt:variant>
      <vt:variant>
        <vt:i4>4</vt:i4>
      </vt:variant>
      <vt:variant>
        <vt:lpstr>Slayt Başlıkları</vt:lpstr>
      </vt:variant>
      <vt:variant>
        <vt:i4>11</vt:i4>
      </vt:variant>
    </vt:vector>
  </HeadingPairs>
  <TitlesOfParts>
    <vt:vector size="24" baseType="lpstr">
      <vt:lpstr>Aptos</vt:lpstr>
      <vt:lpstr>Aptos Display</vt:lpstr>
      <vt:lpstr>Arial</vt:lpstr>
      <vt:lpstr>Calibri</vt:lpstr>
      <vt:lpstr>Calibri Light</vt:lpstr>
      <vt:lpstr>Comfortaa</vt:lpstr>
      <vt:lpstr>Helvetica</vt:lpstr>
      <vt:lpstr>Permanent Marker</vt:lpstr>
      <vt:lpstr>Roboto</vt:lpstr>
      <vt:lpstr>Office Teması</vt:lpstr>
      <vt:lpstr>Contents Slide Master</vt:lpstr>
      <vt:lpstr>SKETCH LESSON</vt:lpstr>
      <vt:lpstr>1_Office Teması</vt:lpstr>
      <vt:lpstr>PowerPoint Sunusu</vt:lpstr>
      <vt:lpstr>PowerPoint Sunusu</vt:lpstr>
      <vt:lpstr>PowerPoint Sunusu</vt:lpstr>
      <vt:lpstr>PowerPoint Sunusu</vt:lpstr>
      <vt:lpstr>PowerPoint Sunusu</vt:lpstr>
      <vt:lpstr>Ara değerlendirme</vt:lpstr>
      <vt:lpstr>PowerPoint Sunusu</vt:lpstr>
      <vt:lpstr>PowerPoint Sunusu</vt:lpstr>
      <vt:lpstr>PowerPoint Sunusu</vt:lpstr>
      <vt:lpstr>PowerPoint Sunusu</vt:lpstr>
      <vt:lpstr>PowerPoint Sunusu</vt:lpstr>
    </vt:vector>
  </TitlesOfParts>
  <Company>NouS/TncTR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4.1.3._bir_dua_taniyorum_subhaneke_duasi_ve_anlami</dc:title>
  <dc:creator>Windows Kullanıcısı</dc:creator>
  <cp:lastModifiedBy>Mustafa YILDIRIM</cp:lastModifiedBy>
  <cp:revision>30</cp:revision>
  <dcterms:created xsi:type="dcterms:W3CDTF">2019-08-06T16:32:14Z</dcterms:created>
  <dcterms:modified xsi:type="dcterms:W3CDTF">2024-09-07T18:07:35Z</dcterms:modified>
</cp:coreProperties>
</file>